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ore0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package/2006/relationships/meatadata/core-properties" Target="docProps/core0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227"/>
  <workbookPr defaultThemeVersion="124226"/>
  <mc:AlternateContent xmlns:mc="http://schemas.openxmlformats.org/markup-compatibility/2006">
    <mc:Choice Requires="x15">
      <x15ac:absPath xmlns:x15ac="http://schemas.microsoft.com/office/spreadsheetml/2010/11/ac" url="I:\Finance and Property\Accounts\Schools Team\Schools Funding\Website pages\s251\"/>
    </mc:Choice>
  </mc:AlternateContent>
  <xr:revisionPtr revIDLastSave="0" documentId="8_{7FBF76D8-6671-46EC-B9DA-E15114B15F45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869 - LA Table" sheetId="1" r:id="rId1"/>
  </sheets>
  <calcPr calcId="191029" calcOnSave="0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38" uniqueCount="143">
  <si>
    <t>LA Table: FUNDING PERIOD (2023-24)</t>
  </si>
  <si>
    <t>Department for Education Section 251 Financial Data Collection</t>
  </si>
  <si>
    <t>Report produced on 10/01/2025 13:56:23</t>
  </si>
  <si>
    <t>Local Authority: 869 West Berkshire</t>
  </si>
  <si>
    <r>
      <rPr>
        <b/>
        <sz val="10"/>
        <color rgb="FFFFFFFF"/>
        <rFont val="Arial"/>
        <family val="2"/>
      </rPr>
      <t>Description</t>
    </r>
  </si>
  <si>
    <t>Early Years</t>
  </si>
  <si>
    <t>Primary</t>
  </si>
  <si>
    <t>Secondary</t>
  </si>
  <si>
    <r>
      <rPr>
        <b/>
        <sz val="10"/>
        <color rgb="FFFFFFFF"/>
        <rFont val="Arial"/>
        <family val="2"/>
      </rPr>
      <t xml:space="preserve">SEN/
</t>
    </r>
    <r>
      <rPr>
        <b/>
        <sz val="10"/>
        <color rgb="FFFFFFFF"/>
        <rFont val="Arial"/>
        <family val="2"/>
      </rPr>
      <t>Special Schools</t>
    </r>
  </si>
  <si>
    <r>
      <rPr>
        <b/>
        <sz val="10"/>
        <color rgb="FFFFFFFF"/>
        <rFont val="Arial"/>
        <family val="2"/>
      </rPr>
      <t xml:space="preserve">AP/
</t>
    </r>
    <r>
      <rPr>
        <b/>
        <sz val="10"/>
        <color rgb="FFFFFFFF"/>
        <rFont val="Arial"/>
        <family val="2"/>
      </rPr>
      <t>PRUs</t>
    </r>
  </si>
  <si>
    <r>
      <rPr>
        <b/>
        <sz val="10"/>
        <color rgb="FFFFFFFF"/>
        <rFont val="Arial"/>
        <family val="2"/>
      </rPr>
      <t xml:space="preserve">Post
</t>
    </r>
    <r>
      <rPr>
        <b/>
        <sz val="10"/>
        <color rgb="FFFFFFFF"/>
        <rFont val="Arial"/>
        <family val="2"/>
      </rPr>
      <t>School</t>
    </r>
  </si>
  <si>
    <t>Gross</t>
  </si>
  <si>
    <t>Income</t>
  </si>
  <si>
    <t>Net</t>
  </si>
  <si>
    <t>1.0.1 Individual Schools Budget (before academy recoupment), including sixth form grant for maintained schools, but excluding high needs place funding</t>
  </si>
  <si>
    <t>1.0.2 High needs place funding within Individual Schools Budget (before academy recoupment), excluding funding for 16-19 academies and free schools and FE colleges and independent learning providers</t>
  </si>
  <si>
    <t>1.1.1 Contingencies</t>
  </si>
  <si>
    <t>1.1.2 Behaviour support services</t>
  </si>
  <si>
    <t>1.1.3 Support to UPEG and bilingual learners</t>
  </si>
  <si>
    <t>1.1.4 Free school meals eligibility</t>
  </si>
  <si>
    <t>1.1.5 Insurance</t>
  </si>
  <si>
    <t>1.1.6 Museum and Library services</t>
  </si>
  <si>
    <t>1.1.7 Licences/subscriptions</t>
  </si>
  <si>
    <t>1.1.8 Staff costs – supply cover excluding cover for facility time</t>
  </si>
  <si>
    <t>1.1.9 Staff costs – supply cover for facility time</t>
  </si>
  <si>
    <t>1.2.1 Top-up funding – maintained schools</t>
  </si>
  <si>
    <t>1.2.2 Top-up funding – academies, free schools and colleges</t>
  </si>
  <si>
    <t>1.2.3 Top-up and other funding – non-maintained and independent providers</t>
  </si>
  <si>
    <t>1.2.4 Additional high needs targeted funding for mainstream schools and academies</t>
  </si>
  <si>
    <t>1.2.5 SEN support services</t>
  </si>
  <si>
    <t>1.2.6 Hospital education services</t>
  </si>
  <si>
    <t>1.2.7 Other alternative provision services</t>
  </si>
  <si>
    <t>1.2.8 Support for inclusion</t>
  </si>
  <si>
    <t>1.2.9 Special schools and PRUs in financial difficulty</t>
  </si>
  <si>
    <t>1.2.10 PFI/ BSF costs at special schools, AP/ PRUs and Post 16 institutions only</t>
  </si>
  <si>
    <t>1.2.11 Direct payments (SEN and disability)</t>
  </si>
  <si>
    <t>1.2.13 Therapies and other health related services</t>
  </si>
  <si>
    <t>1.3.1 Central expenditure on early years entitlement</t>
  </si>
  <si>
    <t>1.4.1 Contribution to combined budgets</t>
  </si>
  <si>
    <t>1.4.2 School admissions</t>
  </si>
  <si>
    <t>1.4.3 Servicing of schools forums</t>
  </si>
  <si>
    <t>1.4.4 Termination of employment costs</t>
  </si>
  <si>
    <t>1.4.5 Falling Rolls Fund</t>
  </si>
  <si>
    <t>1.4.6 Capital expenditure from revenue (CERA)</t>
  </si>
  <si>
    <t>1.4.7 Prudential borrowing costs</t>
  </si>
  <si>
    <t>1.4.8 Fees to independent schools without SEN</t>
  </si>
  <si>
    <t>1.4.9 Equal pay - back pay</t>
  </si>
  <si>
    <t>1.4.10 Pupil growth</t>
  </si>
  <si>
    <t>1.4.11 SEN transport</t>
  </si>
  <si>
    <t>1.4.12 Exceptions agreed by Secretary of State</t>
  </si>
  <si>
    <t>1.4.13 Infant class sizes</t>
  </si>
  <si>
    <t>1.4.14 Other Items</t>
  </si>
  <si>
    <t>1.5.1 Education welfare service</t>
  </si>
  <si>
    <t/>
  </si>
  <si>
    <t>1.5.2 Asset management</t>
  </si>
  <si>
    <t>1.5.3 Statutory/ Regulatory duties</t>
  </si>
  <si>
    <t>1.6.1 Central support services</t>
  </si>
  <si>
    <t>1.6.2 Education welfare service</t>
  </si>
  <si>
    <t>1.6.3 Asset Management</t>
  </si>
  <si>
    <t>1.6.4 Statutory/ Regulatory duties</t>
  </si>
  <si>
    <t>1.6.5 Premature retirement cost/ Redundancy costs (new provisions)</t>
  </si>
  <si>
    <t>1.6.6 Monitoring national curriculum assessment</t>
  </si>
  <si>
    <t>1.6.7 School Improvement</t>
  </si>
  <si>
    <t>1.7.1 Other Specific Grants</t>
  </si>
  <si>
    <t>1.8.1 TOTAL SCHOOLS BUDGET (before Academy recoupment)</t>
  </si>
  <si>
    <t>1.9.1 Estimated Dedicated Schools Grant for 2023-24 (before academy recoupment), excluding high needs place funding for 16-19 academies and free schools and FE colleges and independent learning providers</t>
  </si>
  <si>
    <t>1.9.2 Dedicated Schools Grant brought forward from 2022-23 (please show a deficit as a negative)</t>
  </si>
  <si>
    <t>1.9.3  Dedicated Schools Grant carry forward to 2024-25 (please show a deficit as a positive)</t>
  </si>
  <si>
    <t>1.9.4  Grant for maintained school sixth forms</t>
  </si>
  <si>
    <t>1.9.5 Local Authority additional contribution</t>
  </si>
  <si>
    <t>1.9.6 Total funding supporting the Schools Budget (the sum of lines 1.9.1 to 1.9.5)</t>
  </si>
  <si>
    <t>1.10.1 Academy recoupment from the Dedicated Schools Grant of schools block funding (show as a negative)</t>
  </si>
  <si>
    <t>1.10.2 Academy recoupment from the Dedicated Schools Grant of high needs place funding shown under line 1.0.2 (show as a negative)</t>
  </si>
  <si>
    <t>2.0.1 Central support services</t>
  </si>
  <si>
    <t>2.0.2 Education welfare service</t>
  </si>
  <si>
    <t>2.0.3 School improvement</t>
  </si>
  <si>
    <t>2.0.4 Asset management - education</t>
  </si>
  <si>
    <t>2.0.5 Statutory/ Regulatory duties - education</t>
  </si>
  <si>
    <t>2.0.6 Premature retirement cost/ Redundancy costs (new provisions)</t>
  </si>
  <si>
    <t>2.0.7 Monitoring national curriculum assessment</t>
  </si>
  <si>
    <t>2.1.1 Educational psychology service</t>
  </si>
  <si>
    <t>2.1.2 SEN administration, assessment and coordination and monitoring</t>
  </si>
  <si>
    <t>2.1.3 Independent Advice and Support Services (Parent partnership), guidance and information</t>
  </si>
  <si>
    <t>2.1.4 Home to school transport (pre 16): SEN transport expenditure</t>
  </si>
  <si>
    <t>2.1.5 Home to school transport (pre 16): mainstream home to school transport expenditure</t>
  </si>
  <si>
    <t>2.1.6 Home to post-16 provision: SEN/ LLDD transport expenditure (aged 16-18)</t>
  </si>
  <si>
    <t>2.1.7 Home to post-16 provision: SEN/ LLDD transport expenditure (aged 19-25)</t>
  </si>
  <si>
    <t>2.1.8 Home to post-16 provision transport: mainstream home to post-16 transport expenditure</t>
  </si>
  <si>
    <t>2.1.9 Supply of school places</t>
  </si>
  <si>
    <t>2.2.1 Other spend not funded from the Schools Budget</t>
  </si>
  <si>
    <t>2.3.1 Young people's learning and development</t>
  </si>
  <si>
    <t>2.3.2 Adult and Community learning</t>
  </si>
  <si>
    <t>2.3.3 Pension costs</t>
  </si>
  <si>
    <t>2.3.4 Joint use arrangements</t>
  </si>
  <si>
    <t>2.3.5 Insurance</t>
  </si>
  <si>
    <t>2.4.1 Other Specific Grant</t>
  </si>
  <si>
    <t>2.5.1 Total Other education and community budget</t>
  </si>
  <si>
    <t>3.0.1 Funding for individual Sure Start Children's Centres</t>
  </si>
  <si>
    <t>3.0.2 Funding for local authority provided or commissioned area wide services delivered through Sure Start Children's Centres</t>
  </si>
  <si>
    <t>3.0.3 Funding on local authority management costs relating to Sure Start Children's Centres</t>
  </si>
  <si>
    <t>3.0.4 Other spend on children under 5</t>
  </si>
  <si>
    <t>3.0.5 Total Sure Start children's centres and other spend on children under 5</t>
  </si>
  <si>
    <t>3.1.1 Residential care</t>
  </si>
  <si>
    <t>3.1.2a Fostering services (excluding fees and allowances for LA foster carers)</t>
  </si>
  <si>
    <t>3.1.2b Fostering services (fees and allowances for LA foster carers)</t>
  </si>
  <si>
    <t>3.1.3 Adoption services</t>
  </si>
  <si>
    <t>3.1.4 Special guardianship support</t>
  </si>
  <si>
    <t>3.1.5 Other children looked after services</t>
  </si>
  <si>
    <t>3.1.6 Short breaks (respite) for looked after disabled children</t>
  </si>
  <si>
    <t>3.1.7 Children placed with family and friends</t>
  </si>
  <si>
    <t>3.1.8 Education of looked after children</t>
  </si>
  <si>
    <t>3.1.9 Leaving care support services</t>
  </si>
  <si>
    <t>3.1.10 Asylum seeker services children</t>
  </si>
  <si>
    <t>3.1.11 Total Children Looked After</t>
  </si>
  <si>
    <t>3.2.1 Other children and families services</t>
  </si>
  <si>
    <t>3.3.1 Social work (including LA functions in relation to child protection)</t>
  </si>
  <si>
    <t>3.3.2 Commissioning and Children's Services Strategy</t>
  </si>
  <si>
    <t>3.3.3 Local Safeguarding Children Board</t>
  </si>
  <si>
    <t>3.3.4 Total Safeguarding Children and Young People's Services</t>
  </si>
  <si>
    <t>3.4.1 Direct payments</t>
  </si>
  <si>
    <t>3.4.2 Short breaks (respite) for disabled children</t>
  </si>
  <si>
    <t>3.4.3 Other support for disabled children</t>
  </si>
  <si>
    <t>3.4.4 Targeted family support</t>
  </si>
  <si>
    <t>3.4.5 Universal family support</t>
  </si>
  <si>
    <t>3.4.6 Total Family Support Services</t>
  </si>
  <si>
    <t>3.5.1 Universal services for young people</t>
  </si>
  <si>
    <t>3.5.2 Targeted services for young people</t>
  </si>
  <si>
    <t>3.5.3 Total Services for young people</t>
  </si>
  <si>
    <t>3.6.1 Youth justice</t>
  </si>
  <si>
    <t>4.0.1 Capital Expenditure from Revenue (CERA) (Non-schools budget functions and Children's and young people services)</t>
  </si>
  <si>
    <t>5.0.1 Total Schools Budget and Other education and community budget (excluding CERA) (lines 1.8.1 and 2.5.1)</t>
  </si>
  <si>
    <t>5.0.2 Total Children and Young People's Services and Youth Justice Budget (excluding CERA)(lines 3.0.5 + 3.1.11 + 3.2.1 + 3.3.4 + 3.4.6 + 3.5.3 + 3.6.1)</t>
  </si>
  <si>
    <t>6 Total Schools Budget, Other education and community budget, Children and Young People's Services and Youth Justice Budget (excluding CERA) (lines 5.0.1 + 5.0.2)</t>
  </si>
  <si>
    <t>7 Capital Expenditure (excluding CERA)</t>
  </si>
  <si>
    <t>8a.1 Substance misuse services (Drugs, Alcohol and Volatile substances) (included in 3.5.1 and 3.5.2 above)</t>
  </si>
  <si>
    <t>8a.2 Teenage pregnancy services (included in 3.5.1 and 3.5.2 above)</t>
  </si>
  <si>
    <t>1.8.1a DSG Block Planned Expenditure</t>
  </si>
  <si>
    <t>Allocated DSG funding</t>
  </si>
  <si>
    <t>Planned Spend</t>
  </si>
  <si>
    <t>Schools (before academy recoupment)</t>
  </si>
  <si>
    <t>Central School Services</t>
  </si>
  <si>
    <t>High Needs (excluding post school)</t>
  </si>
  <si>
    <t>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-10809]\£#,##0.00"/>
  </numFmts>
  <fonts count="9" x14ac:knownFonts="1">
    <font>
      <sz val="11"/>
      <color rgb="FF000000"/>
      <name val="Calibri"/>
      <family val="2"/>
      <scheme val="minor"/>
    </font>
    <font>
      <sz val="11"/>
      <name val="Calibri"/>
      <family val="2"/>
    </font>
    <font>
      <b/>
      <sz val="20"/>
      <color rgb="FF4682B4"/>
      <name val="Arial"/>
      <family val="2"/>
    </font>
    <font>
      <b/>
      <sz val="15"/>
      <color rgb="FF4682B4"/>
      <name val="Arial"/>
      <family val="2"/>
    </font>
    <font>
      <b/>
      <sz val="10"/>
      <color rgb="FF808080"/>
      <name val="Arial"/>
      <family val="2"/>
    </font>
    <font>
      <b/>
      <sz val="11"/>
      <color rgb="FF808080"/>
      <name val="Arial"/>
      <family val="2"/>
    </font>
    <font>
      <b/>
      <sz val="10"/>
      <color rgb="FFFFFFFF"/>
      <name val="Arial"/>
      <family val="2"/>
    </font>
    <font>
      <sz val="10"/>
      <color rgb="FF000000"/>
      <name val="Arial"/>
      <family val="2"/>
    </font>
    <font>
      <b/>
      <sz val="10"/>
      <color rgb="FF000000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rgb="FF4682B4"/>
        <bgColor rgb="FF4682B4"/>
      </patternFill>
    </fill>
    <fill>
      <patternFill patternType="solid">
        <fgColor rgb="FFD3D3D3"/>
        <bgColor rgb="FFD3D3D3"/>
      </patternFill>
    </fill>
  </fills>
  <borders count="2">
    <border>
      <left/>
      <right/>
      <top/>
      <bottom/>
      <diagonal/>
    </border>
    <border>
      <left style="thin">
        <color rgb="FFD3D3D3"/>
      </left>
      <right style="thin">
        <color rgb="FFD3D3D3"/>
      </right>
      <top style="thin">
        <color rgb="FFD3D3D3"/>
      </top>
      <bottom style="thin">
        <color rgb="FFD3D3D3"/>
      </bottom>
      <diagonal/>
    </border>
  </borders>
  <cellStyleXfs count="1">
    <xf numFmtId="0" fontId="0" fillId="0" borderId="0"/>
  </cellStyleXfs>
  <cellXfs count="13">
    <xf numFmtId="0" fontId="1" fillId="0" borderId="0" xfId="0" applyFont="1"/>
    <xf numFmtId="0" fontId="6" fillId="2" borderId="1" xfId="0" applyFont="1" applyFill="1" applyBorder="1" applyAlignment="1">
      <alignment vertical="top" wrapText="1" readingOrder="1"/>
    </xf>
    <xf numFmtId="0" fontId="6" fillId="2" borderId="1" xfId="0" applyFont="1" applyFill="1" applyBorder="1" applyAlignment="1">
      <alignment horizontal="center" vertical="top" wrapText="1" readingOrder="1"/>
    </xf>
    <xf numFmtId="0" fontId="7" fillId="0" borderId="1" xfId="0" applyFont="1" applyBorder="1" applyAlignment="1">
      <alignment vertical="top" wrapText="1" readingOrder="1"/>
    </xf>
    <xf numFmtId="164" fontId="7" fillId="0" borderId="1" xfId="0" applyNumberFormat="1" applyFont="1" applyBorder="1" applyAlignment="1">
      <alignment horizontal="right" vertical="top" wrapText="1" readingOrder="1"/>
    </xf>
    <xf numFmtId="0" fontId="7" fillId="0" borderId="1" xfId="0" applyFont="1" applyBorder="1" applyAlignment="1">
      <alignment horizontal="right" vertical="top" wrapText="1" readingOrder="1"/>
    </xf>
    <xf numFmtId="0" fontId="7" fillId="3" borderId="1" xfId="0" applyFont="1" applyFill="1" applyBorder="1" applyAlignment="1">
      <alignment horizontal="right" vertical="top" wrapText="1" readingOrder="1"/>
    </xf>
    <xf numFmtId="0" fontId="8" fillId="0" borderId="1" xfId="0" applyFont="1" applyBorder="1" applyAlignment="1">
      <alignment vertical="top" wrapText="1" readingOrder="1"/>
    </xf>
    <xf numFmtId="0" fontId="2" fillId="0" borderId="0" xfId="0" applyFont="1" applyAlignment="1">
      <alignment vertical="top" wrapText="1" readingOrder="1"/>
    </xf>
    <xf numFmtId="0" fontId="1" fillId="0" borderId="0" xfId="0" applyFont="1"/>
    <xf numFmtId="0" fontId="3" fillId="0" borderId="0" xfId="0" applyFont="1" applyAlignment="1">
      <alignment vertical="top" wrapText="1" readingOrder="1"/>
    </xf>
    <xf numFmtId="0" fontId="4" fillId="0" borderId="0" xfId="0" applyFont="1" applyAlignment="1">
      <alignment vertical="top" wrapText="1" readingOrder="1"/>
    </xf>
    <xf numFmtId="0" fontId="5" fillId="0" borderId="0" xfId="0" applyFont="1" applyAlignment="1">
      <alignment vertical="top" wrapText="1" readingOrder="1"/>
    </xf>
  </cellXfs>
  <cellStyles count="1">
    <cellStyle name="Normal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D3D3D3"/>
      <rgbColor rgb="004682B4"/>
      <rgbColor rgb="00808080"/>
      <rgbColor rgb="00FFFF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00FF0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134"/>
  <sheetViews>
    <sheetView showGridLines="0" tabSelected="1" workbookViewId="0">
      <selection sqref="A1:J1"/>
    </sheetView>
  </sheetViews>
  <sheetFormatPr defaultRowHeight="14.4" x14ac:dyDescent="0.3"/>
  <cols>
    <col min="1" max="1" width="43.21875" customWidth="1"/>
    <col min="2" max="10" width="16.21875" customWidth="1"/>
    <col min="11" max="11" width="0" hidden="1" customWidth="1"/>
  </cols>
  <sheetData>
    <row r="1" spans="1:10" ht="28.35" customHeight="1" x14ac:dyDescent="0.3">
      <c r="A1" s="8" t="s">
        <v>0</v>
      </c>
      <c r="B1" s="9"/>
      <c r="C1" s="9"/>
      <c r="D1" s="9"/>
      <c r="E1" s="9"/>
      <c r="F1" s="9"/>
      <c r="G1" s="9"/>
      <c r="H1" s="9"/>
      <c r="I1" s="9"/>
      <c r="J1" s="9"/>
    </row>
    <row r="2" spans="1:10" ht="28.35" customHeight="1" x14ac:dyDescent="0.3">
      <c r="A2" s="10" t="s">
        <v>1</v>
      </c>
      <c r="B2" s="9"/>
      <c r="C2" s="9"/>
      <c r="D2" s="9"/>
      <c r="E2" s="9"/>
      <c r="F2" s="9"/>
      <c r="G2" s="9"/>
      <c r="H2" s="9"/>
      <c r="I2" s="9"/>
      <c r="J2" s="9"/>
    </row>
    <row r="3" spans="1:10" ht="16.95" customHeight="1" x14ac:dyDescent="0.3">
      <c r="A3" s="11" t="s">
        <v>2</v>
      </c>
      <c r="B3" s="9"/>
      <c r="C3" s="9"/>
      <c r="D3" s="9"/>
      <c r="E3" s="9"/>
      <c r="F3" s="9"/>
      <c r="G3" s="9"/>
      <c r="H3" s="9"/>
      <c r="I3" s="9"/>
      <c r="J3" s="9"/>
    </row>
    <row r="4" spans="1:10" ht="34.049999999999997" customHeight="1" x14ac:dyDescent="0.3">
      <c r="A4" s="12" t="s">
        <v>3</v>
      </c>
      <c r="B4" s="9"/>
      <c r="C4" s="9"/>
      <c r="D4" s="9"/>
      <c r="E4" s="9"/>
      <c r="F4" s="9"/>
      <c r="G4" s="9"/>
      <c r="H4" s="9"/>
      <c r="I4" s="9"/>
      <c r="J4" s="9"/>
    </row>
    <row r="5" spans="1:10" ht="26.4" x14ac:dyDescent="0.3">
      <c r="A5" s="1" t="s">
        <v>4</v>
      </c>
      <c r="B5" s="2" t="s">
        <v>5</v>
      </c>
      <c r="C5" s="2" t="s">
        <v>6</v>
      </c>
      <c r="D5" s="2" t="s">
        <v>7</v>
      </c>
      <c r="E5" s="2" t="s">
        <v>8</v>
      </c>
      <c r="F5" s="2" t="s">
        <v>9</v>
      </c>
      <c r="G5" s="2" t="s">
        <v>10</v>
      </c>
      <c r="H5" s="2" t="s">
        <v>11</v>
      </c>
      <c r="I5" s="2" t="s">
        <v>12</v>
      </c>
      <c r="J5" s="2" t="s">
        <v>13</v>
      </c>
    </row>
    <row r="6" spans="1:10" ht="52.8" x14ac:dyDescent="0.3">
      <c r="A6" s="3" t="s">
        <v>14</v>
      </c>
      <c r="B6" s="4">
        <v>10244170</v>
      </c>
      <c r="C6" s="4">
        <v>63557731.729999997</v>
      </c>
      <c r="D6" s="4">
        <v>67896094.290000007</v>
      </c>
      <c r="E6" s="5"/>
      <c r="F6" s="5"/>
      <c r="G6" s="5"/>
      <c r="H6" s="4">
        <v>141697996.02000001</v>
      </c>
      <c r="I6" s="5"/>
      <c r="J6" s="4">
        <v>141697996.02000001</v>
      </c>
    </row>
    <row r="7" spans="1:10" ht="66" x14ac:dyDescent="0.3">
      <c r="A7" s="3" t="s">
        <v>15</v>
      </c>
      <c r="B7" s="4">
        <v>0</v>
      </c>
      <c r="C7" s="4">
        <v>348949</v>
      </c>
      <c r="D7" s="4">
        <v>733051</v>
      </c>
      <c r="E7" s="4">
        <v>3990146.01</v>
      </c>
      <c r="F7" s="4">
        <v>658338.52</v>
      </c>
      <c r="G7" s="5"/>
      <c r="H7" s="4">
        <v>5730484.5300000003</v>
      </c>
      <c r="I7" s="5"/>
      <c r="J7" s="4">
        <v>5730484.5300000003</v>
      </c>
    </row>
    <row r="8" spans="1:10" x14ac:dyDescent="0.3">
      <c r="A8" s="3" t="s">
        <v>16</v>
      </c>
      <c r="B8" s="5"/>
      <c r="C8" s="4">
        <v>0</v>
      </c>
      <c r="D8" s="4">
        <v>0</v>
      </c>
      <c r="E8" s="5"/>
      <c r="F8" s="5"/>
      <c r="G8" s="5"/>
      <c r="H8" s="4">
        <v>0</v>
      </c>
      <c r="I8" s="4">
        <v>0</v>
      </c>
      <c r="J8" s="4">
        <v>0</v>
      </c>
    </row>
    <row r="9" spans="1:10" x14ac:dyDescent="0.3">
      <c r="A9" s="3" t="s">
        <v>17</v>
      </c>
      <c r="B9" s="5"/>
      <c r="C9" s="4">
        <v>155039.4</v>
      </c>
      <c r="D9" s="4">
        <v>103359.6</v>
      </c>
      <c r="E9" s="5"/>
      <c r="F9" s="5"/>
      <c r="G9" s="5"/>
      <c r="H9" s="4">
        <v>258399</v>
      </c>
      <c r="I9" s="4">
        <v>0</v>
      </c>
      <c r="J9" s="4">
        <v>258399</v>
      </c>
    </row>
    <row r="10" spans="1:10" x14ac:dyDescent="0.3">
      <c r="A10" s="3" t="s">
        <v>18</v>
      </c>
      <c r="B10" s="5"/>
      <c r="C10" s="4">
        <v>179074</v>
      </c>
      <c r="D10" s="4">
        <v>7944</v>
      </c>
      <c r="E10" s="5"/>
      <c r="F10" s="5"/>
      <c r="G10" s="5"/>
      <c r="H10" s="4">
        <v>187018</v>
      </c>
      <c r="I10" s="4">
        <v>0</v>
      </c>
      <c r="J10" s="4">
        <v>187018</v>
      </c>
    </row>
    <row r="11" spans="1:10" x14ac:dyDescent="0.3">
      <c r="A11" s="3" t="s">
        <v>19</v>
      </c>
      <c r="B11" s="5"/>
      <c r="C11" s="4">
        <v>0</v>
      </c>
      <c r="D11" s="4">
        <v>0</v>
      </c>
      <c r="E11" s="5"/>
      <c r="F11" s="5"/>
      <c r="G11" s="5"/>
      <c r="H11" s="4">
        <v>0</v>
      </c>
      <c r="I11" s="4">
        <v>0</v>
      </c>
      <c r="J11" s="4">
        <v>0</v>
      </c>
    </row>
    <row r="12" spans="1:10" x14ac:dyDescent="0.3">
      <c r="A12" s="3" t="s">
        <v>20</v>
      </c>
      <c r="B12" s="5"/>
      <c r="C12" s="4">
        <v>0</v>
      </c>
      <c r="D12" s="4">
        <v>0</v>
      </c>
      <c r="E12" s="5"/>
      <c r="F12" s="5"/>
      <c r="G12" s="5"/>
      <c r="H12" s="4">
        <v>0</v>
      </c>
      <c r="I12" s="4">
        <v>0</v>
      </c>
      <c r="J12" s="4">
        <v>0</v>
      </c>
    </row>
    <row r="13" spans="1:10" x14ac:dyDescent="0.3">
      <c r="A13" s="3" t="s">
        <v>21</v>
      </c>
      <c r="B13" s="5"/>
      <c r="C13" s="4">
        <v>0</v>
      </c>
      <c r="D13" s="4">
        <v>0</v>
      </c>
      <c r="E13" s="5"/>
      <c r="F13" s="5"/>
      <c r="G13" s="5"/>
      <c r="H13" s="4">
        <v>0</v>
      </c>
      <c r="I13" s="4">
        <v>0</v>
      </c>
      <c r="J13" s="4">
        <v>0</v>
      </c>
    </row>
    <row r="14" spans="1:10" x14ac:dyDescent="0.3">
      <c r="A14" s="3" t="s">
        <v>22</v>
      </c>
      <c r="B14" s="5"/>
      <c r="C14" s="4">
        <v>1923.6</v>
      </c>
      <c r="D14" s="4">
        <v>1282.4000000000001</v>
      </c>
      <c r="E14" s="5"/>
      <c r="F14" s="5"/>
      <c r="G14" s="5"/>
      <c r="H14" s="4">
        <v>3206</v>
      </c>
      <c r="I14" s="4">
        <v>0</v>
      </c>
      <c r="J14" s="4">
        <v>3206</v>
      </c>
    </row>
    <row r="15" spans="1:10" ht="26.4" x14ac:dyDescent="0.3">
      <c r="A15" s="3" t="s">
        <v>23</v>
      </c>
      <c r="B15" s="5"/>
      <c r="C15" s="4">
        <v>0</v>
      </c>
      <c r="D15" s="4">
        <v>0</v>
      </c>
      <c r="E15" s="5"/>
      <c r="F15" s="5"/>
      <c r="G15" s="5"/>
      <c r="H15" s="4">
        <v>0</v>
      </c>
      <c r="I15" s="4">
        <v>0</v>
      </c>
      <c r="J15" s="4">
        <v>0</v>
      </c>
    </row>
    <row r="16" spans="1:10" x14ac:dyDescent="0.3">
      <c r="A16" s="3" t="s">
        <v>24</v>
      </c>
      <c r="B16" s="5"/>
      <c r="C16" s="4">
        <v>38289</v>
      </c>
      <c r="D16" s="4">
        <v>25526</v>
      </c>
      <c r="E16" s="5"/>
      <c r="F16" s="5"/>
      <c r="G16" s="5"/>
      <c r="H16" s="4">
        <v>63815</v>
      </c>
      <c r="I16" s="4">
        <v>0</v>
      </c>
      <c r="J16" s="4">
        <v>63815</v>
      </c>
    </row>
    <row r="17" spans="1:10" x14ac:dyDescent="0.3">
      <c r="A17" s="3" t="s">
        <v>25</v>
      </c>
      <c r="B17" s="4">
        <v>178587</v>
      </c>
      <c r="C17" s="4">
        <v>1215798.2</v>
      </c>
      <c r="D17" s="4">
        <v>1235474.8</v>
      </c>
      <c r="E17" s="4">
        <v>6074953.4000000004</v>
      </c>
      <c r="F17" s="4">
        <v>999700</v>
      </c>
      <c r="G17" s="5"/>
      <c r="H17" s="4">
        <v>9704513.4000000004</v>
      </c>
      <c r="I17" s="4">
        <v>0</v>
      </c>
      <c r="J17" s="4">
        <v>9704513.4000000004</v>
      </c>
    </row>
    <row r="18" spans="1:10" ht="26.4" x14ac:dyDescent="0.3">
      <c r="A18" s="3" t="s">
        <v>26</v>
      </c>
      <c r="B18" s="4">
        <v>0</v>
      </c>
      <c r="C18" s="4">
        <v>338060</v>
      </c>
      <c r="D18" s="4">
        <v>1248510</v>
      </c>
      <c r="E18" s="4">
        <v>842248.6</v>
      </c>
      <c r="F18" s="4">
        <v>0</v>
      </c>
      <c r="G18" s="4">
        <v>0</v>
      </c>
      <c r="H18" s="4">
        <v>2428818.6</v>
      </c>
      <c r="I18" s="4">
        <v>0</v>
      </c>
      <c r="J18" s="4">
        <v>2428818.6</v>
      </c>
    </row>
    <row r="19" spans="1:10" ht="26.4" x14ac:dyDescent="0.3">
      <c r="A19" s="3" t="s">
        <v>27</v>
      </c>
      <c r="B19" s="4">
        <v>0</v>
      </c>
      <c r="C19" s="4">
        <v>0</v>
      </c>
      <c r="D19" s="4">
        <v>0</v>
      </c>
      <c r="E19" s="4">
        <v>6735959</v>
      </c>
      <c r="F19" s="4">
        <v>0</v>
      </c>
      <c r="G19" s="4">
        <v>1220121</v>
      </c>
      <c r="H19" s="4">
        <v>7956080</v>
      </c>
      <c r="I19" s="4">
        <v>0</v>
      </c>
      <c r="J19" s="4">
        <v>7956080</v>
      </c>
    </row>
    <row r="20" spans="1:10" ht="26.4" x14ac:dyDescent="0.3">
      <c r="A20" s="3" t="s">
        <v>28</v>
      </c>
      <c r="B20" s="4">
        <v>0</v>
      </c>
      <c r="C20" s="4">
        <v>61750</v>
      </c>
      <c r="D20" s="4">
        <v>3250</v>
      </c>
      <c r="E20" s="5"/>
      <c r="F20" s="5"/>
      <c r="G20" s="5"/>
      <c r="H20" s="4">
        <v>65000</v>
      </c>
      <c r="I20" s="4">
        <v>0</v>
      </c>
      <c r="J20" s="4">
        <v>65000</v>
      </c>
    </row>
    <row r="21" spans="1:10" x14ac:dyDescent="0.3">
      <c r="A21" s="3" t="s">
        <v>29</v>
      </c>
      <c r="B21" s="4">
        <v>145426.69</v>
      </c>
      <c r="C21" s="4">
        <v>1312435.05</v>
      </c>
      <c r="D21" s="4">
        <v>1126593.6200000001</v>
      </c>
      <c r="E21" s="4">
        <v>12363.63</v>
      </c>
      <c r="F21" s="4">
        <v>0</v>
      </c>
      <c r="G21" s="4">
        <v>0</v>
      </c>
      <c r="H21" s="4">
        <v>2596818.9900000002</v>
      </c>
      <c r="I21" s="4">
        <v>120000</v>
      </c>
      <c r="J21" s="4">
        <v>2476818.9900000002</v>
      </c>
    </row>
    <row r="22" spans="1:10" x14ac:dyDescent="0.3">
      <c r="A22" s="3" t="s">
        <v>30</v>
      </c>
      <c r="B22" s="5"/>
      <c r="C22" s="5"/>
      <c r="D22" s="5"/>
      <c r="E22" s="4">
        <v>0</v>
      </c>
      <c r="F22" s="4">
        <v>36180</v>
      </c>
      <c r="G22" s="5"/>
      <c r="H22" s="4">
        <v>36180</v>
      </c>
      <c r="I22" s="4">
        <v>0</v>
      </c>
      <c r="J22" s="4">
        <v>36180</v>
      </c>
    </row>
    <row r="23" spans="1:10" x14ac:dyDescent="0.3">
      <c r="A23" s="3" t="s">
        <v>31</v>
      </c>
      <c r="B23" s="4">
        <v>0</v>
      </c>
      <c r="C23" s="4">
        <v>0</v>
      </c>
      <c r="D23" s="4">
        <v>0</v>
      </c>
      <c r="E23" s="4">
        <v>0</v>
      </c>
      <c r="F23" s="4">
        <v>1630320</v>
      </c>
      <c r="G23" s="4">
        <v>0</v>
      </c>
      <c r="H23" s="4">
        <v>1630320</v>
      </c>
      <c r="I23" s="4">
        <v>12484</v>
      </c>
      <c r="J23" s="4">
        <v>1617836</v>
      </c>
    </row>
    <row r="24" spans="1:10" x14ac:dyDescent="0.3">
      <c r="A24" s="3" t="s">
        <v>32</v>
      </c>
      <c r="B24" s="4">
        <v>0</v>
      </c>
      <c r="C24" s="4">
        <v>89100</v>
      </c>
      <c r="D24" s="4">
        <v>87230</v>
      </c>
      <c r="E24" s="4">
        <v>114940</v>
      </c>
      <c r="F24" s="4">
        <v>0</v>
      </c>
      <c r="G24" s="4">
        <v>0</v>
      </c>
      <c r="H24" s="4">
        <v>291270</v>
      </c>
      <c r="I24" s="4">
        <v>0</v>
      </c>
      <c r="J24" s="4">
        <v>291270</v>
      </c>
    </row>
    <row r="25" spans="1:10" ht="26.4" x14ac:dyDescent="0.3">
      <c r="A25" s="3" t="s">
        <v>33</v>
      </c>
      <c r="B25" s="5"/>
      <c r="C25" s="5"/>
      <c r="D25" s="5"/>
      <c r="E25" s="4">
        <v>0</v>
      </c>
      <c r="F25" s="4">
        <v>0</v>
      </c>
      <c r="G25" s="5"/>
      <c r="H25" s="4">
        <v>0</v>
      </c>
      <c r="I25" s="4">
        <v>0</v>
      </c>
      <c r="J25" s="4">
        <v>0</v>
      </c>
    </row>
    <row r="26" spans="1:10" ht="26.4" x14ac:dyDescent="0.3">
      <c r="A26" s="3" t="s">
        <v>34</v>
      </c>
      <c r="B26" s="5"/>
      <c r="C26" s="5"/>
      <c r="D26" s="5"/>
      <c r="E26" s="4">
        <v>0</v>
      </c>
      <c r="F26" s="4">
        <v>0</v>
      </c>
      <c r="G26" s="4">
        <v>0</v>
      </c>
      <c r="H26" s="4">
        <v>0</v>
      </c>
      <c r="I26" s="4">
        <v>0</v>
      </c>
      <c r="J26" s="4">
        <v>0</v>
      </c>
    </row>
    <row r="27" spans="1:10" x14ac:dyDescent="0.3">
      <c r="A27" s="3" t="s">
        <v>35</v>
      </c>
      <c r="B27" s="4">
        <v>0</v>
      </c>
      <c r="C27" s="4">
        <v>0</v>
      </c>
      <c r="D27" s="4">
        <v>0</v>
      </c>
      <c r="E27" s="4">
        <v>0</v>
      </c>
      <c r="F27" s="4">
        <v>0</v>
      </c>
      <c r="G27" s="4">
        <v>0</v>
      </c>
      <c r="H27" s="4">
        <v>0</v>
      </c>
      <c r="I27" s="4">
        <v>0</v>
      </c>
      <c r="J27" s="4">
        <v>0</v>
      </c>
    </row>
    <row r="28" spans="1:10" x14ac:dyDescent="0.3">
      <c r="A28" s="3" t="s">
        <v>36</v>
      </c>
      <c r="B28" s="4">
        <v>14581.95</v>
      </c>
      <c r="C28" s="4">
        <v>226325.85</v>
      </c>
      <c r="D28" s="4">
        <v>221575.8</v>
      </c>
      <c r="E28" s="4">
        <v>7212.39</v>
      </c>
      <c r="F28" s="4">
        <v>0</v>
      </c>
      <c r="G28" s="4">
        <v>0</v>
      </c>
      <c r="H28" s="4">
        <v>469695.99</v>
      </c>
      <c r="I28" s="4">
        <v>0</v>
      </c>
      <c r="J28" s="4">
        <v>469695.99</v>
      </c>
    </row>
    <row r="29" spans="1:10" ht="26.4" x14ac:dyDescent="0.3">
      <c r="A29" s="3" t="s">
        <v>37</v>
      </c>
      <c r="B29" s="4">
        <v>481250</v>
      </c>
      <c r="C29" s="5"/>
      <c r="D29" s="5"/>
      <c r="E29" s="5"/>
      <c r="F29" s="5"/>
      <c r="G29" s="5"/>
      <c r="H29" s="4">
        <v>481250</v>
      </c>
      <c r="I29" s="4">
        <v>0</v>
      </c>
      <c r="J29" s="4">
        <v>481250</v>
      </c>
    </row>
    <row r="30" spans="1:10" x14ac:dyDescent="0.3">
      <c r="A30" s="3" t="s">
        <v>38</v>
      </c>
      <c r="B30" s="4">
        <v>0</v>
      </c>
      <c r="C30" s="4">
        <v>0</v>
      </c>
      <c r="D30" s="4">
        <v>0</v>
      </c>
      <c r="E30" s="4">
        <v>0</v>
      </c>
      <c r="F30" s="4">
        <v>0</v>
      </c>
      <c r="G30" s="5"/>
      <c r="H30" s="4">
        <v>0</v>
      </c>
      <c r="I30" s="4">
        <v>0</v>
      </c>
      <c r="J30" s="4">
        <v>0</v>
      </c>
    </row>
    <row r="31" spans="1:10" x14ac:dyDescent="0.3">
      <c r="A31" s="3" t="s">
        <v>39</v>
      </c>
      <c r="B31" s="4">
        <v>6698.41</v>
      </c>
      <c r="C31" s="4">
        <v>103965.74</v>
      </c>
      <c r="D31" s="4">
        <v>101783.74</v>
      </c>
      <c r="E31" s="4">
        <v>3313.11</v>
      </c>
      <c r="F31" s="4">
        <v>0</v>
      </c>
      <c r="G31" s="5"/>
      <c r="H31" s="4">
        <v>215761</v>
      </c>
      <c r="I31" s="4">
        <v>0</v>
      </c>
      <c r="J31" s="4">
        <v>215761</v>
      </c>
    </row>
    <row r="32" spans="1:10" x14ac:dyDescent="0.3">
      <c r="A32" s="3" t="s">
        <v>40</v>
      </c>
      <c r="B32" s="4">
        <v>1571.9</v>
      </c>
      <c r="C32" s="4">
        <v>24397.33</v>
      </c>
      <c r="D32" s="4">
        <v>23885.29</v>
      </c>
      <c r="E32" s="4">
        <v>777.48</v>
      </c>
      <c r="F32" s="4">
        <v>0</v>
      </c>
      <c r="G32" s="5"/>
      <c r="H32" s="4">
        <v>50632</v>
      </c>
      <c r="I32" s="4">
        <v>0</v>
      </c>
      <c r="J32" s="4">
        <v>50632</v>
      </c>
    </row>
    <row r="33" spans="1:10" x14ac:dyDescent="0.3">
      <c r="A33" s="3" t="s">
        <v>41</v>
      </c>
      <c r="B33" s="4">
        <v>0</v>
      </c>
      <c r="C33" s="4">
        <v>0</v>
      </c>
      <c r="D33" s="4">
        <v>0</v>
      </c>
      <c r="E33" s="4">
        <v>0</v>
      </c>
      <c r="F33" s="4">
        <v>0</v>
      </c>
      <c r="G33" s="5"/>
      <c r="H33" s="4">
        <v>0</v>
      </c>
      <c r="I33" s="4">
        <v>0</v>
      </c>
      <c r="J33" s="4">
        <v>0</v>
      </c>
    </row>
    <row r="34" spans="1:10" x14ac:dyDescent="0.3">
      <c r="A34" s="3" t="s">
        <v>42</v>
      </c>
      <c r="B34" s="4">
        <v>0</v>
      </c>
      <c r="C34" s="4">
        <v>0</v>
      </c>
      <c r="D34" s="4">
        <v>0</v>
      </c>
      <c r="E34" s="4">
        <v>0</v>
      </c>
      <c r="F34" s="4">
        <v>0</v>
      </c>
      <c r="G34" s="5"/>
      <c r="H34" s="4">
        <v>0</v>
      </c>
      <c r="I34" s="4">
        <v>0</v>
      </c>
      <c r="J34" s="4">
        <v>0</v>
      </c>
    </row>
    <row r="35" spans="1:10" x14ac:dyDescent="0.3">
      <c r="A35" s="3" t="s">
        <v>43</v>
      </c>
      <c r="B35" s="4">
        <v>0</v>
      </c>
      <c r="C35" s="4">
        <v>0</v>
      </c>
      <c r="D35" s="4">
        <v>0</v>
      </c>
      <c r="E35" s="4">
        <v>0</v>
      </c>
      <c r="F35" s="4">
        <v>0</v>
      </c>
      <c r="G35" s="5"/>
      <c r="H35" s="4">
        <v>0</v>
      </c>
      <c r="I35" s="4">
        <v>0</v>
      </c>
      <c r="J35" s="4">
        <v>0</v>
      </c>
    </row>
    <row r="36" spans="1:10" x14ac:dyDescent="0.3">
      <c r="A36" s="3" t="s">
        <v>44</v>
      </c>
      <c r="B36" s="4">
        <v>0</v>
      </c>
      <c r="C36" s="4">
        <v>0</v>
      </c>
      <c r="D36" s="4">
        <v>0</v>
      </c>
      <c r="E36" s="4">
        <v>0</v>
      </c>
      <c r="F36" s="4">
        <v>0</v>
      </c>
      <c r="G36" s="5"/>
      <c r="H36" s="4">
        <v>0</v>
      </c>
      <c r="I36" s="4">
        <v>0</v>
      </c>
      <c r="J36" s="4">
        <v>0</v>
      </c>
    </row>
    <row r="37" spans="1:10" x14ac:dyDescent="0.3">
      <c r="A37" s="3" t="s">
        <v>45</v>
      </c>
      <c r="B37" s="4">
        <v>0</v>
      </c>
      <c r="C37" s="4">
        <v>0</v>
      </c>
      <c r="D37" s="4">
        <v>0</v>
      </c>
      <c r="E37" s="4">
        <v>0</v>
      </c>
      <c r="F37" s="4">
        <v>0</v>
      </c>
      <c r="G37" s="5"/>
      <c r="H37" s="4">
        <v>0</v>
      </c>
      <c r="I37" s="4">
        <v>0</v>
      </c>
      <c r="J37" s="4">
        <v>0</v>
      </c>
    </row>
    <row r="38" spans="1:10" x14ac:dyDescent="0.3">
      <c r="A38" s="3" t="s">
        <v>46</v>
      </c>
      <c r="B38" s="4">
        <v>0</v>
      </c>
      <c r="C38" s="4">
        <v>0</v>
      </c>
      <c r="D38" s="4">
        <v>0</v>
      </c>
      <c r="E38" s="4">
        <v>0</v>
      </c>
      <c r="F38" s="4">
        <v>0</v>
      </c>
      <c r="G38" s="5"/>
      <c r="H38" s="4">
        <v>0</v>
      </c>
      <c r="I38" s="4">
        <v>0</v>
      </c>
      <c r="J38" s="4">
        <v>0</v>
      </c>
    </row>
    <row r="39" spans="1:10" x14ac:dyDescent="0.3">
      <c r="A39" s="3" t="s">
        <v>47</v>
      </c>
      <c r="B39" s="4">
        <v>0</v>
      </c>
      <c r="C39" s="4">
        <v>0</v>
      </c>
      <c r="D39" s="4">
        <v>0</v>
      </c>
      <c r="E39" s="4">
        <v>0</v>
      </c>
      <c r="F39" s="4">
        <v>0</v>
      </c>
      <c r="G39" s="5"/>
      <c r="H39" s="4">
        <v>0</v>
      </c>
      <c r="I39" s="4">
        <v>0</v>
      </c>
      <c r="J39" s="4">
        <v>0</v>
      </c>
    </row>
    <row r="40" spans="1:10" x14ac:dyDescent="0.3">
      <c r="A40" s="3" t="s">
        <v>48</v>
      </c>
      <c r="B40" s="4">
        <v>0</v>
      </c>
      <c r="C40" s="4">
        <v>0</v>
      </c>
      <c r="D40" s="4">
        <v>0</v>
      </c>
      <c r="E40" s="4">
        <v>0</v>
      </c>
      <c r="F40" s="4">
        <v>0</v>
      </c>
      <c r="G40" s="4">
        <v>0</v>
      </c>
      <c r="H40" s="4">
        <v>0</v>
      </c>
      <c r="I40" s="4">
        <v>0</v>
      </c>
      <c r="J40" s="4">
        <v>0</v>
      </c>
    </row>
    <row r="41" spans="1:10" x14ac:dyDescent="0.3">
      <c r="A41" s="3" t="s">
        <v>49</v>
      </c>
      <c r="B41" s="4">
        <v>0</v>
      </c>
      <c r="C41" s="4">
        <v>0</v>
      </c>
      <c r="D41" s="4">
        <v>0</v>
      </c>
      <c r="E41" s="4">
        <v>0</v>
      </c>
      <c r="F41" s="4">
        <v>0</v>
      </c>
      <c r="G41" s="4">
        <v>0</v>
      </c>
      <c r="H41" s="4">
        <v>0</v>
      </c>
      <c r="I41" s="4">
        <v>0</v>
      </c>
      <c r="J41" s="4">
        <v>0</v>
      </c>
    </row>
    <row r="42" spans="1:10" x14ac:dyDescent="0.3">
      <c r="A42" s="3" t="s">
        <v>50</v>
      </c>
      <c r="B42" s="5"/>
      <c r="C42" s="4">
        <v>0</v>
      </c>
      <c r="D42" s="5"/>
      <c r="E42" s="5"/>
      <c r="F42" s="5"/>
      <c r="G42" s="5"/>
      <c r="H42" s="4">
        <v>0</v>
      </c>
      <c r="I42" s="4">
        <v>0</v>
      </c>
      <c r="J42" s="4">
        <v>0</v>
      </c>
    </row>
    <row r="43" spans="1:10" x14ac:dyDescent="0.3">
      <c r="A43" s="3" t="s">
        <v>51</v>
      </c>
      <c r="B43" s="4">
        <v>5218.5</v>
      </c>
      <c r="C43" s="4">
        <v>80996.149999999994</v>
      </c>
      <c r="D43" s="4">
        <v>79296.23</v>
      </c>
      <c r="E43" s="4">
        <v>2581.13</v>
      </c>
      <c r="F43" s="4">
        <v>0</v>
      </c>
      <c r="G43" s="4">
        <v>0</v>
      </c>
      <c r="H43" s="4">
        <v>168092.01</v>
      </c>
      <c r="I43" s="5"/>
      <c r="J43" s="4">
        <v>168092.01</v>
      </c>
    </row>
    <row r="44" spans="1:10" x14ac:dyDescent="0.3">
      <c r="A44" s="3" t="s">
        <v>52</v>
      </c>
      <c r="B44" s="6" t="s">
        <v>53</v>
      </c>
      <c r="C44" s="6" t="s">
        <v>53</v>
      </c>
      <c r="D44" s="6" t="s">
        <v>53</v>
      </c>
      <c r="E44" s="6" t="s">
        <v>53</v>
      </c>
      <c r="F44" s="6" t="s">
        <v>53</v>
      </c>
      <c r="G44" s="6" t="s">
        <v>53</v>
      </c>
      <c r="H44" s="4">
        <v>223841</v>
      </c>
      <c r="I44" s="4">
        <v>11350</v>
      </c>
      <c r="J44" s="4">
        <v>212491</v>
      </c>
    </row>
    <row r="45" spans="1:10" x14ac:dyDescent="0.3">
      <c r="A45" s="3" t="s">
        <v>54</v>
      </c>
      <c r="B45" s="6" t="s">
        <v>53</v>
      </c>
      <c r="C45" s="6" t="s">
        <v>53</v>
      </c>
      <c r="D45" s="6" t="s">
        <v>53</v>
      </c>
      <c r="E45" s="6" t="s">
        <v>53</v>
      </c>
      <c r="F45" s="6" t="s">
        <v>53</v>
      </c>
      <c r="G45" s="6" t="s">
        <v>53</v>
      </c>
      <c r="H45" s="4">
        <v>0</v>
      </c>
      <c r="I45" s="4">
        <v>0</v>
      </c>
      <c r="J45" s="4">
        <v>0</v>
      </c>
    </row>
    <row r="46" spans="1:10" x14ac:dyDescent="0.3">
      <c r="A46" s="3" t="s">
        <v>55</v>
      </c>
      <c r="B46" s="6" t="s">
        <v>53</v>
      </c>
      <c r="C46" s="6" t="s">
        <v>53</v>
      </c>
      <c r="D46" s="6" t="s">
        <v>53</v>
      </c>
      <c r="E46" s="6" t="s">
        <v>53</v>
      </c>
      <c r="F46" s="6" t="s">
        <v>53</v>
      </c>
      <c r="G46" s="6" t="s">
        <v>53</v>
      </c>
      <c r="H46" s="4">
        <v>325340</v>
      </c>
      <c r="I46" s="4">
        <v>0</v>
      </c>
      <c r="J46" s="4">
        <v>325340</v>
      </c>
    </row>
    <row r="47" spans="1:10" x14ac:dyDescent="0.3">
      <c r="A47" s="3" t="s">
        <v>56</v>
      </c>
      <c r="B47" s="6" t="s">
        <v>53</v>
      </c>
      <c r="C47" s="6" t="s">
        <v>53</v>
      </c>
      <c r="D47" s="6" t="s">
        <v>53</v>
      </c>
      <c r="E47" s="6" t="s">
        <v>53</v>
      </c>
      <c r="F47" s="6" t="s">
        <v>53</v>
      </c>
      <c r="G47" s="6" t="s">
        <v>53</v>
      </c>
      <c r="H47" s="4">
        <v>0</v>
      </c>
      <c r="I47" s="4">
        <v>0</v>
      </c>
      <c r="J47" s="4">
        <v>0</v>
      </c>
    </row>
    <row r="48" spans="1:10" x14ac:dyDescent="0.3">
      <c r="A48" s="3" t="s">
        <v>57</v>
      </c>
      <c r="B48" s="6" t="s">
        <v>53</v>
      </c>
      <c r="C48" s="6" t="s">
        <v>53</v>
      </c>
      <c r="D48" s="6" t="s">
        <v>53</v>
      </c>
      <c r="E48" s="6" t="s">
        <v>53</v>
      </c>
      <c r="F48" s="6" t="s">
        <v>53</v>
      </c>
      <c r="G48" s="6" t="s">
        <v>53</v>
      </c>
      <c r="H48" s="4">
        <v>0</v>
      </c>
      <c r="I48" s="4">
        <v>0</v>
      </c>
      <c r="J48" s="4">
        <v>0</v>
      </c>
    </row>
    <row r="49" spans="1:10" x14ac:dyDescent="0.3">
      <c r="A49" s="3" t="s">
        <v>58</v>
      </c>
      <c r="B49" s="6" t="s">
        <v>53</v>
      </c>
      <c r="C49" s="6" t="s">
        <v>53</v>
      </c>
      <c r="D49" s="6" t="s">
        <v>53</v>
      </c>
      <c r="E49" s="6" t="s">
        <v>53</v>
      </c>
      <c r="F49" s="6" t="s">
        <v>53</v>
      </c>
      <c r="G49" s="6" t="s">
        <v>53</v>
      </c>
      <c r="H49" s="4">
        <v>0</v>
      </c>
      <c r="I49" s="4">
        <v>0</v>
      </c>
      <c r="J49" s="4">
        <v>0</v>
      </c>
    </row>
    <row r="50" spans="1:10" x14ac:dyDescent="0.3">
      <c r="A50" s="3" t="s">
        <v>59</v>
      </c>
      <c r="B50" s="6" t="s">
        <v>53</v>
      </c>
      <c r="C50" s="6" t="s">
        <v>53</v>
      </c>
      <c r="D50" s="6" t="s">
        <v>53</v>
      </c>
      <c r="E50" s="6" t="s">
        <v>53</v>
      </c>
      <c r="F50" s="6" t="s">
        <v>53</v>
      </c>
      <c r="G50" s="6" t="s">
        <v>53</v>
      </c>
      <c r="H50" s="4">
        <v>146652</v>
      </c>
      <c r="I50" s="4">
        <v>0</v>
      </c>
      <c r="J50" s="4">
        <v>146652</v>
      </c>
    </row>
    <row r="51" spans="1:10" ht="26.4" x14ac:dyDescent="0.3">
      <c r="A51" s="3" t="s">
        <v>60</v>
      </c>
      <c r="B51" s="6" t="s">
        <v>53</v>
      </c>
      <c r="C51" s="6" t="s">
        <v>53</v>
      </c>
      <c r="D51" s="6" t="s">
        <v>53</v>
      </c>
      <c r="E51" s="6" t="s">
        <v>53</v>
      </c>
      <c r="F51" s="6" t="s">
        <v>53</v>
      </c>
      <c r="G51" s="6" t="s">
        <v>53</v>
      </c>
      <c r="H51" s="4">
        <v>0</v>
      </c>
      <c r="I51" s="4">
        <v>0</v>
      </c>
      <c r="J51" s="4">
        <v>0</v>
      </c>
    </row>
    <row r="52" spans="1:10" x14ac:dyDescent="0.3">
      <c r="A52" s="3" t="s">
        <v>61</v>
      </c>
      <c r="B52" s="6" t="s">
        <v>53</v>
      </c>
      <c r="C52" s="6" t="s">
        <v>53</v>
      </c>
      <c r="D52" s="6" t="s">
        <v>53</v>
      </c>
      <c r="E52" s="6" t="s">
        <v>53</v>
      </c>
      <c r="F52" s="6" t="s">
        <v>53</v>
      </c>
      <c r="G52" s="6" t="s">
        <v>53</v>
      </c>
      <c r="H52" s="4">
        <v>0</v>
      </c>
      <c r="I52" s="4">
        <v>0</v>
      </c>
      <c r="J52" s="4">
        <v>0</v>
      </c>
    </row>
    <row r="53" spans="1:10" x14ac:dyDescent="0.3">
      <c r="A53" s="3" t="s">
        <v>62</v>
      </c>
      <c r="B53" s="6" t="s">
        <v>53</v>
      </c>
      <c r="C53" s="6" t="s">
        <v>53</v>
      </c>
      <c r="D53" s="6" t="s">
        <v>53</v>
      </c>
      <c r="E53" s="6" t="s">
        <v>53</v>
      </c>
      <c r="F53" s="6" t="s">
        <v>53</v>
      </c>
      <c r="G53" s="6" t="s">
        <v>53</v>
      </c>
      <c r="H53" s="4">
        <v>208977</v>
      </c>
      <c r="I53" s="4">
        <v>0</v>
      </c>
      <c r="J53" s="4">
        <v>208977</v>
      </c>
    </row>
    <row r="54" spans="1:10" x14ac:dyDescent="0.3">
      <c r="A54" s="3" t="s">
        <v>63</v>
      </c>
      <c r="B54" s="4">
        <v>0</v>
      </c>
      <c r="C54" s="4">
        <v>0</v>
      </c>
      <c r="D54" s="4">
        <v>0</v>
      </c>
      <c r="E54" s="4">
        <v>0</v>
      </c>
      <c r="F54" s="4">
        <v>0</v>
      </c>
      <c r="G54" s="4">
        <v>0</v>
      </c>
      <c r="H54" s="4">
        <v>0</v>
      </c>
      <c r="I54" s="4">
        <v>0</v>
      </c>
      <c r="J54" s="4">
        <v>0</v>
      </c>
    </row>
    <row r="55" spans="1:10" ht="26.4" x14ac:dyDescent="0.3">
      <c r="A55" s="3" t="s">
        <v>64</v>
      </c>
      <c r="B55" s="4">
        <v>11077504.449999999</v>
      </c>
      <c r="C55" s="4">
        <v>67733835.049999997</v>
      </c>
      <c r="D55" s="4">
        <v>72894856.769999996</v>
      </c>
      <c r="E55" s="4">
        <v>17784494.75</v>
      </c>
      <c r="F55" s="4">
        <v>3324538.52</v>
      </c>
      <c r="G55" s="4">
        <v>1220121</v>
      </c>
      <c r="H55" s="4">
        <v>174940160.53999999</v>
      </c>
      <c r="I55" s="4">
        <v>143834</v>
      </c>
      <c r="J55" s="4">
        <v>174796326.53999999</v>
      </c>
    </row>
    <row r="56" spans="1:10" ht="66" x14ac:dyDescent="0.3">
      <c r="A56" s="3" t="s">
        <v>65</v>
      </c>
      <c r="B56" s="6" t="s">
        <v>53</v>
      </c>
      <c r="C56" s="6" t="s">
        <v>53</v>
      </c>
      <c r="D56" s="6" t="s">
        <v>53</v>
      </c>
      <c r="E56" s="6" t="s">
        <v>53</v>
      </c>
      <c r="F56" s="6" t="s">
        <v>53</v>
      </c>
      <c r="G56" s="6" t="s">
        <v>53</v>
      </c>
      <c r="H56" s="4">
        <v>166982567</v>
      </c>
      <c r="I56" s="6" t="s">
        <v>53</v>
      </c>
      <c r="J56" s="6" t="s">
        <v>53</v>
      </c>
    </row>
    <row r="57" spans="1:10" ht="26.4" x14ac:dyDescent="0.3">
      <c r="A57" s="3" t="s">
        <v>66</v>
      </c>
      <c r="B57" s="6" t="s">
        <v>53</v>
      </c>
      <c r="C57" s="6" t="s">
        <v>53</v>
      </c>
      <c r="D57" s="6" t="s">
        <v>53</v>
      </c>
      <c r="E57" s="6" t="s">
        <v>53</v>
      </c>
      <c r="F57" s="6" t="s">
        <v>53</v>
      </c>
      <c r="G57" s="6" t="s">
        <v>53</v>
      </c>
      <c r="H57" s="4">
        <v>-4710350</v>
      </c>
      <c r="I57" s="6" t="s">
        <v>53</v>
      </c>
      <c r="J57" s="6" t="s">
        <v>53</v>
      </c>
    </row>
    <row r="58" spans="1:10" ht="26.4" x14ac:dyDescent="0.3">
      <c r="A58" s="3" t="s">
        <v>67</v>
      </c>
      <c r="B58" s="6" t="s">
        <v>53</v>
      </c>
      <c r="C58" s="6" t="s">
        <v>53</v>
      </c>
      <c r="D58" s="6" t="s">
        <v>53</v>
      </c>
      <c r="E58" s="6" t="s">
        <v>53</v>
      </c>
      <c r="F58" s="6" t="s">
        <v>53</v>
      </c>
      <c r="G58" s="6" t="s">
        <v>53</v>
      </c>
      <c r="H58" s="4">
        <v>7653238</v>
      </c>
      <c r="I58" s="6" t="s">
        <v>53</v>
      </c>
      <c r="J58" s="6" t="s">
        <v>53</v>
      </c>
    </row>
    <row r="59" spans="1:10" x14ac:dyDescent="0.3">
      <c r="A59" s="3" t="s">
        <v>68</v>
      </c>
      <c r="B59" s="6" t="s">
        <v>53</v>
      </c>
      <c r="C59" s="6" t="s">
        <v>53</v>
      </c>
      <c r="D59" s="6" t="s">
        <v>53</v>
      </c>
      <c r="E59" s="6" t="s">
        <v>53</v>
      </c>
      <c r="F59" s="6" t="s">
        <v>53</v>
      </c>
      <c r="G59" s="6" t="s">
        <v>53</v>
      </c>
      <c r="H59" s="4">
        <v>4872910</v>
      </c>
      <c r="I59" s="6" t="s">
        <v>53</v>
      </c>
      <c r="J59" s="6" t="s">
        <v>53</v>
      </c>
    </row>
    <row r="60" spans="1:10" x14ac:dyDescent="0.3">
      <c r="A60" s="3" t="s">
        <v>69</v>
      </c>
      <c r="B60" s="6" t="s">
        <v>53</v>
      </c>
      <c r="C60" s="6" t="s">
        <v>53</v>
      </c>
      <c r="D60" s="6" t="s">
        <v>53</v>
      </c>
      <c r="E60" s="6" t="s">
        <v>53</v>
      </c>
      <c r="F60" s="6" t="s">
        <v>53</v>
      </c>
      <c r="G60" s="6" t="s">
        <v>53</v>
      </c>
      <c r="H60" s="4">
        <v>0</v>
      </c>
      <c r="I60" s="6" t="s">
        <v>53</v>
      </c>
      <c r="J60" s="6" t="s">
        <v>53</v>
      </c>
    </row>
    <row r="61" spans="1:10" ht="26.4" x14ac:dyDescent="0.3">
      <c r="A61" s="3" t="s">
        <v>70</v>
      </c>
      <c r="B61" s="6" t="s">
        <v>53</v>
      </c>
      <c r="C61" s="6" t="s">
        <v>53</v>
      </c>
      <c r="D61" s="6" t="s">
        <v>53</v>
      </c>
      <c r="E61" s="6" t="s">
        <v>53</v>
      </c>
      <c r="F61" s="6" t="s">
        <v>53</v>
      </c>
      <c r="G61" s="6" t="s">
        <v>53</v>
      </c>
      <c r="H61" s="4">
        <v>174798365</v>
      </c>
      <c r="I61" s="6" t="s">
        <v>53</v>
      </c>
      <c r="J61" s="6" t="s">
        <v>53</v>
      </c>
    </row>
    <row r="62" spans="1:10" ht="39.6" x14ac:dyDescent="0.3">
      <c r="A62" s="3" t="s">
        <v>71</v>
      </c>
      <c r="B62" s="6" t="s">
        <v>53</v>
      </c>
      <c r="C62" s="6" t="s">
        <v>53</v>
      </c>
      <c r="D62" s="6" t="s">
        <v>53</v>
      </c>
      <c r="E62" s="6" t="s">
        <v>53</v>
      </c>
      <c r="F62" s="6" t="s">
        <v>53</v>
      </c>
      <c r="G62" s="6" t="s">
        <v>53</v>
      </c>
      <c r="H62" s="4">
        <v>-50093213.700000003</v>
      </c>
      <c r="I62" s="6" t="s">
        <v>53</v>
      </c>
      <c r="J62" s="6" t="s">
        <v>53</v>
      </c>
    </row>
    <row r="63" spans="1:10" ht="39.6" x14ac:dyDescent="0.3">
      <c r="A63" s="3" t="s">
        <v>72</v>
      </c>
      <c r="B63" s="6" t="s">
        <v>53</v>
      </c>
      <c r="C63" s="6" t="s">
        <v>53</v>
      </c>
      <c r="D63" s="6" t="s">
        <v>53</v>
      </c>
      <c r="E63" s="6" t="s">
        <v>53</v>
      </c>
      <c r="F63" s="6" t="s">
        <v>53</v>
      </c>
      <c r="G63" s="6" t="s">
        <v>53</v>
      </c>
      <c r="H63" s="4">
        <v>-798834</v>
      </c>
      <c r="I63" s="6" t="s">
        <v>53</v>
      </c>
      <c r="J63" s="6" t="s">
        <v>53</v>
      </c>
    </row>
    <row r="64" spans="1:10" x14ac:dyDescent="0.3">
      <c r="A64" s="3" t="s">
        <v>73</v>
      </c>
      <c r="B64" s="6" t="s">
        <v>53</v>
      </c>
      <c r="C64" s="6" t="s">
        <v>53</v>
      </c>
      <c r="D64" s="6" t="s">
        <v>53</v>
      </c>
      <c r="E64" s="6" t="s">
        <v>53</v>
      </c>
      <c r="F64" s="6" t="s">
        <v>53</v>
      </c>
      <c r="G64" s="6" t="s">
        <v>53</v>
      </c>
      <c r="H64" s="4">
        <v>0</v>
      </c>
      <c r="I64" s="4">
        <v>0</v>
      </c>
      <c r="J64" s="4">
        <v>0</v>
      </c>
    </row>
    <row r="65" spans="1:10" x14ac:dyDescent="0.3">
      <c r="A65" s="3" t="s">
        <v>74</v>
      </c>
      <c r="B65" s="6" t="s">
        <v>53</v>
      </c>
      <c r="C65" s="6" t="s">
        <v>53</v>
      </c>
      <c r="D65" s="6" t="s">
        <v>53</v>
      </c>
      <c r="E65" s="6" t="s">
        <v>53</v>
      </c>
      <c r="F65" s="6" t="s">
        <v>53</v>
      </c>
      <c r="G65" s="6" t="s">
        <v>53</v>
      </c>
      <c r="H65" s="4">
        <v>0</v>
      </c>
      <c r="I65" s="4">
        <v>0</v>
      </c>
      <c r="J65" s="4">
        <v>0</v>
      </c>
    </row>
    <row r="66" spans="1:10" x14ac:dyDescent="0.3">
      <c r="A66" s="3" t="s">
        <v>75</v>
      </c>
      <c r="B66" s="6" t="s">
        <v>53</v>
      </c>
      <c r="C66" s="6" t="s">
        <v>53</v>
      </c>
      <c r="D66" s="6" t="s">
        <v>53</v>
      </c>
      <c r="E66" s="6" t="s">
        <v>53</v>
      </c>
      <c r="F66" s="6" t="s">
        <v>53</v>
      </c>
      <c r="G66" s="6" t="s">
        <v>53</v>
      </c>
      <c r="H66" s="4">
        <v>0</v>
      </c>
      <c r="I66" s="4">
        <v>0</v>
      </c>
      <c r="J66" s="4">
        <v>0</v>
      </c>
    </row>
    <row r="67" spans="1:10" x14ac:dyDescent="0.3">
      <c r="A67" s="3" t="s">
        <v>76</v>
      </c>
      <c r="B67" s="6" t="s">
        <v>53</v>
      </c>
      <c r="C67" s="6" t="s">
        <v>53</v>
      </c>
      <c r="D67" s="6" t="s">
        <v>53</v>
      </c>
      <c r="E67" s="6" t="s">
        <v>53</v>
      </c>
      <c r="F67" s="6" t="s">
        <v>53</v>
      </c>
      <c r="G67" s="6" t="s">
        <v>53</v>
      </c>
      <c r="H67" s="4">
        <v>0</v>
      </c>
      <c r="I67" s="4">
        <v>0</v>
      </c>
      <c r="J67" s="4">
        <v>0</v>
      </c>
    </row>
    <row r="68" spans="1:10" x14ac:dyDescent="0.3">
      <c r="A68" s="3" t="s">
        <v>77</v>
      </c>
      <c r="B68" s="6" t="s">
        <v>53</v>
      </c>
      <c r="C68" s="6" t="s">
        <v>53</v>
      </c>
      <c r="D68" s="6" t="s">
        <v>53</v>
      </c>
      <c r="E68" s="6" t="s">
        <v>53</v>
      </c>
      <c r="F68" s="6" t="s">
        <v>53</v>
      </c>
      <c r="G68" s="6" t="s">
        <v>53</v>
      </c>
      <c r="H68" s="4">
        <v>161690</v>
      </c>
      <c r="I68" s="4">
        <v>0</v>
      </c>
      <c r="J68" s="4">
        <v>161690</v>
      </c>
    </row>
    <row r="69" spans="1:10" ht="26.4" x14ac:dyDescent="0.3">
      <c r="A69" s="3" t="s">
        <v>78</v>
      </c>
      <c r="B69" s="6" t="s">
        <v>53</v>
      </c>
      <c r="C69" s="6" t="s">
        <v>53</v>
      </c>
      <c r="D69" s="6" t="s">
        <v>53</v>
      </c>
      <c r="E69" s="6" t="s">
        <v>53</v>
      </c>
      <c r="F69" s="6" t="s">
        <v>53</v>
      </c>
      <c r="G69" s="6" t="s">
        <v>53</v>
      </c>
      <c r="H69" s="4">
        <v>0</v>
      </c>
      <c r="I69" s="4">
        <v>0</v>
      </c>
      <c r="J69" s="4">
        <v>0</v>
      </c>
    </row>
    <row r="70" spans="1:10" x14ac:dyDescent="0.3">
      <c r="A70" s="3" t="s">
        <v>79</v>
      </c>
      <c r="B70" s="6" t="s">
        <v>53</v>
      </c>
      <c r="C70" s="6" t="s">
        <v>53</v>
      </c>
      <c r="D70" s="6" t="s">
        <v>53</v>
      </c>
      <c r="E70" s="6" t="s">
        <v>53</v>
      </c>
      <c r="F70" s="6" t="s">
        <v>53</v>
      </c>
      <c r="G70" s="6" t="s">
        <v>53</v>
      </c>
      <c r="H70" s="4">
        <v>0</v>
      </c>
      <c r="I70" s="4">
        <v>0</v>
      </c>
      <c r="J70" s="4">
        <v>0</v>
      </c>
    </row>
    <row r="71" spans="1:10" x14ac:dyDescent="0.3">
      <c r="A71" s="3" t="s">
        <v>80</v>
      </c>
      <c r="B71" s="6" t="s">
        <v>53</v>
      </c>
      <c r="C71" s="6" t="s">
        <v>53</v>
      </c>
      <c r="D71" s="6" t="s">
        <v>53</v>
      </c>
      <c r="E71" s="6" t="s">
        <v>53</v>
      </c>
      <c r="F71" s="6" t="s">
        <v>53</v>
      </c>
      <c r="G71" s="6" t="s">
        <v>53</v>
      </c>
      <c r="H71" s="4">
        <v>1744728</v>
      </c>
      <c r="I71" s="4">
        <v>879410</v>
      </c>
      <c r="J71" s="4">
        <v>865318</v>
      </c>
    </row>
    <row r="72" spans="1:10" ht="26.4" x14ac:dyDescent="0.3">
      <c r="A72" s="3" t="s">
        <v>81</v>
      </c>
      <c r="B72" s="6" t="s">
        <v>53</v>
      </c>
      <c r="C72" s="6" t="s">
        <v>53</v>
      </c>
      <c r="D72" s="6" t="s">
        <v>53</v>
      </c>
      <c r="E72" s="6" t="s">
        <v>53</v>
      </c>
      <c r="F72" s="6" t="s">
        <v>53</v>
      </c>
      <c r="G72" s="6" t="s">
        <v>53</v>
      </c>
      <c r="H72" s="4">
        <v>1339127</v>
      </c>
      <c r="I72" s="4">
        <v>0</v>
      </c>
      <c r="J72" s="4">
        <v>1339127</v>
      </c>
    </row>
    <row r="73" spans="1:10" ht="26.4" x14ac:dyDescent="0.3">
      <c r="A73" s="3" t="s">
        <v>82</v>
      </c>
      <c r="B73" s="6" t="s">
        <v>53</v>
      </c>
      <c r="C73" s="6" t="s">
        <v>53</v>
      </c>
      <c r="D73" s="6" t="s">
        <v>53</v>
      </c>
      <c r="E73" s="6" t="s">
        <v>53</v>
      </c>
      <c r="F73" s="6" t="s">
        <v>53</v>
      </c>
      <c r="G73" s="6" t="s">
        <v>53</v>
      </c>
      <c r="H73" s="4">
        <v>61368</v>
      </c>
      <c r="I73" s="4">
        <v>0</v>
      </c>
      <c r="J73" s="4">
        <v>61368</v>
      </c>
    </row>
    <row r="74" spans="1:10" ht="26.4" x14ac:dyDescent="0.3">
      <c r="A74" s="3" t="s">
        <v>83</v>
      </c>
      <c r="B74" s="4">
        <v>0</v>
      </c>
      <c r="C74" s="4">
        <v>0</v>
      </c>
      <c r="D74" s="4">
        <v>0</v>
      </c>
      <c r="E74" s="4">
        <v>2103466</v>
      </c>
      <c r="F74" s="4">
        <v>313850</v>
      </c>
      <c r="G74" s="5"/>
      <c r="H74" s="4">
        <v>2417316</v>
      </c>
      <c r="I74" s="4">
        <v>30220</v>
      </c>
      <c r="J74" s="4">
        <v>2387096</v>
      </c>
    </row>
    <row r="75" spans="1:10" ht="26.4" x14ac:dyDescent="0.3">
      <c r="A75" s="3" t="s">
        <v>84</v>
      </c>
      <c r="B75" s="4">
        <v>0</v>
      </c>
      <c r="C75" s="4">
        <v>176785.96</v>
      </c>
      <c r="D75" s="4">
        <v>1359836.04</v>
      </c>
      <c r="E75" s="4">
        <v>0</v>
      </c>
      <c r="F75" s="4">
        <v>0</v>
      </c>
      <c r="G75" s="5"/>
      <c r="H75" s="4">
        <v>1536622</v>
      </c>
      <c r="I75" s="4">
        <v>370560</v>
      </c>
      <c r="J75" s="4">
        <v>1166062</v>
      </c>
    </row>
    <row r="76" spans="1:10" ht="26.4" x14ac:dyDescent="0.3">
      <c r="A76" s="3" t="s">
        <v>85</v>
      </c>
      <c r="B76" s="5"/>
      <c r="C76" s="5"/>
      <c r="D76" s="4">
        <v>0</v>
      </c>
      <c r="E76" s="4">
        <v>323523</v>
      </c>
      <c r="F76" s="4">
        <v>0</v>
      </c>
      <c r="G76" s="4">
        <v>0</v>
      </c>
      <c r="H76" s="4">
        <v>323523</v>
      </c>
      <c r="I76" s="4">
        <v>30710</v>
      </c>
      <c r="J76" s="4">
        <v>292813</v>
      </c>
    </row>
    <row r="77" spans="1:10" ht="26.4" x14ac:dyDescent="0.3">
      <c r="A77" s="3" t="s">
        <v>86</v>
      </c>
      <c r="B77" s="5"/>
      <c r="C77" s="5"/>
      <c r="D77" s="4">
        <v>0</v>
      </c>
      <c r="E77" s="4">
        <v>112249</v>
      </c>
      <c r="F77" s="4">
        <v>0</v>
      </c>
      <c r="G77" s="4">
        <v>0</v>
      </c>
      <c r="H77" s="4">
        <v>112249</v>
      </c>
      <c r="I77" s="4">
        <v>9220</v>
      </c>
      <c r="J77" s="4">
        <v>103029</v>
      </c>
    </row>
    <row r="78" spans="1:10" ht="26.4" x14ac:dyDescent="0.3">
      <c r="A78" s="3" t="s">
        <v>87</v>
      </c>
      <c r="B78" s="5"/>
      <c r="C78" s="5"/>
      <c r="D78" s="4">
        <v>0</v>
      </c>
      <c r="E78" s="4">
        <v>0</v>
      </c>
      <c r="F78" s="4">
        <v>0</v>
      </c>
      <c r="G78" s="4">
        <v>185221</v>
      </c>
      <c r="H78" s="4">
        <v>185221</v>
      </c>
      <c r="I78" s="4">
        <v>156480</v>
      </c>
      <c r="J78" s="4">
        <v>28741</v>
      </c>
    </row>
    <row r="79" spans="1:10" x14ac:dyDescent="0.3">
      <c r="A79" s="3" t="s">
        <v>88</v>
      </c>
      <c r="B79" s="6" t="s">
        <v>53</v>
      </c>
      <c r="C79" s="6" t="s">
        <v>53</v>
      </c>
      <c r="D79" s="6" t="s">
        <v>53</v>
      </c>
      <c r="E79" s="6" t="s">
        <v>53</v>
      </c>
      <c r="F79" s="6" t="s">
        <v>53</v>
      </c>
      <c r="G79" s="6" t="s">
        <v>53</v>
      </c>
      <c r="H79" s="4">
        <v>0</v>
      </c>
      <c r="I79" s="4">
        <v>0</v>
      </c>
      <c r="J79" s="4">
        <v>0</v>
      </c>
    </row>
    <row r="80" spans="1:10" ht="26.4" x14ac:dyDescent="0.3">
      <c r="A80" s="3" t="s">
        <v>89</v>
      </c>
      <c r="B80" s="6" t="s">
        <v>53</v>
      </c>
      <c r="C80" s="6" t="s">
        <v>53</v>
      </c>
      <c r="D80" s="6" t="s">
        <v>53</v>
      </c>
      <c r="E80" s="6" t="s">
        <v>53</v>
      </c>
      <c r="F80" s="6" t="s">
        <v>53</v>
      </c>
      <c r="G80" s="6" t="s">
        <v>53</v>
      </c>
      <c r="H80" s="4">
        <v>0</v>
      </c>
      <c r="I80" s="4">
        <v>0</v>
      </c>
      <c r="J80" s="4">
        <v>0</v>
      </c>
    </row>
    <row r="81" spans="1:10" x14ac:dyDescent="0.3">
      <c r="A81" s="3" t="s">
        <v>90</v>
      </c>
      <c r="B81" s="5"/>
      <c r="C81" s="5"/>
      <c r="D81" s="4">
        <v>0</v>
      </c>
      <c r="E81" s="4">
        <v>0</v>
      </c>
      <c r="F81" s="4">
        <v>0</v>
      </c>
      <c r="G81" s="4">
        <v>0</v>
      </c>
      <c r="H81" s="4">
        <v>0</v>
      </c>
      <c r="I81" s="4">
        <v>0</v>
      </c>
      <c r="J81" s="4">
        <v>0</v>
      </c>
    </row>
    <row r="82" spans="1:10" x14ac:dyDescent="0.3">
      <c r="A82" s="3" t="s">
        <v>91</v>
      </c>
      <c r="B82" s="6" t="s">
        <v>53</v>
      </c>
      <c r="C82" s="6" t="s">
        <v>53</v>
      </c>
      <c r="D82" s="6" t="s">
        <v>53</v>
      </c>
      <c r="E82" s="6" t="s">
        <v>53</v>
      </c>
      <c r="F82" s="6" t="s">
        <v>53</v>
      </c>
      <c r="G82" s="6" t="s">
        <v>53</v>
      </c>
      <c r="H82" s="4">
        <v>510351</v>
      </c>
      <c r="I82" s="4">
        <v>457390</v>
      </c>
      <c r="J82" s="4">
        <v>52961</v>
      </c>
    </row>
    <row r="83" spans="1:10" x14ac:dyDescent="0.3">
      <c r="A83" s="3" t="s">
        <v>92</v>
      </c>
      <c r="B83" s="6" t="s">
        <v>53</v>
      </c>
      <c r="C83" s="6" t="s">
        <v>53</v>
      </c>
      <c r="D83" s="6" t="s">
        <v>53</v>
      </c>
      <c r="E83" s="6" t="s">
        <v>53</v>
      </c>
      <c r="F83" s="6" t="s">
        <v>53</v>
      </c>
      <c r="G83" s="6" t="s">
        <v>53</v>
      </c>
      <c r="H83" s="4">
        <v>341153</v>
      </c>
      <c r="I83" s="4">
        <v>0</v>
      </c>
      <c r="J83" s="4">
        <v>341153</v>
      </c>
    </row>
    <row r="84" spans="1:10" x14ac:dyDescent="0.3">
      <c r="A84" s="3" t="s">
        <v>93</v>
      </c>
      <c r="B84" s="6" t="s">
        <v>53</v>
      </c>
      <c r="C84" s="6" t="s">
        <v>53</v>
      </c>
      <c r="D84" s="6" t="s">
        <v>53</v>
      </c>
      <c r="E84" s="6" t="s">
        <v>53</v>
      </c>
      <c r="F84" s="6" t="s">
        <v>53</v>
      </c>
      <c r="G84" s="6" t="s">
        <v>53</v>
      </c>
      <c r="H84" s="4">
        <v>0</v>
      </c>
      <c r="I84" s="4">
        <v>0</v>
      </c>
      <c r="J84" s="4">
        <v>0</v>
      </c>
    </row>
    <row r="85" spans="1:10" x14ac:dyDescent="0.3">
      <c r="A85" s="3" t="s">
        <v>94</v>
      </c>
      <c r="B85" s="6" t="s">
        <v>53</v>
      </c>
      <c r="C85" s="6" t="s">
        <v>53</v>
      </c>
      <c r="D85" s="6" t="s">
        <v>53</v>
      </c>
      <c r="E85" s="6" t="s">
        <v>53</v>
      </c>
      <c r="F85" s="6" t="s">
        <v>53</v>
      </c>
      <c r="G85" s="6" t="s">
        <v>53</v>
      </c>
      <c r="H85" s="4">
        <v>0</v>
      </c>
      <c r="I85" s="4">
        <v>0</v>
      </c>
      <c r="J85" s="4">
        <v>0</v>
      </c>
    </row>
    <row r="86" spans="1:10" x14ac:dyDescent="0.3">
      <c r="A86" s="3" t="s">
        <v>95</v>
      </c>
      <c r="B86" s="6" t="s">
        <v>53</v>
      </c>
      <c r="C86" s="6" t="s">
        <v>53</v>
      </c>
      <c r="D86" s="6" t="s">
        <v>53</v>
      </c>
      <c r="E86" s="6" t="s">
        <v>53</v>
      </c>
      <c r="F86" s="6" t="s">
        <v>53</v>
      </c>
      <c r="G86" s="6" t="s">
        <v>53</v>
      </c>
      <c r="H86" s="4">
        <v>0</v>
      </c>
      <c r="I86" s="4">
        <v>0</v>
      </c>
      <c r="J86" s="4">
        <v>0</v>
      </c>
    </row>
    <row r="87" spans="1:10" x14ac:dyDescent="0.3">
      <c r="A87" s="3" t="s">
        <v>96</v>
      </c>
      <c r="B87" s="6" t="s">
        <v>53</v>
      </c>
      <c r="C87" s="6" t="s">
        <v>53</v>
      </c>
      <c r="D87" s="6" t="s">
        <v>53</v>
      </c>
      <c r="E87" s="6" t="s">
        <v>53</v>
      </c>
      <c r="F87" s="6" t="s">
        <v>53</v>
      </c>
      <c r="G87" s="6" t="s">
        <v>53</v>
      </c>
      <c r="H87" s="4">
        <v>8733348</v>
      </c>
      <c r="I87" s="4">
        <v>1933990</v>
      </c>
      <c r="J87" s="4">
        <v>6799358</v>
      </c>
    </row>
    <row r="88" spans="1:10" ht="26.4" x14ac:dyDescent="0.3">
      <c r="A88" s="3" t="s">
        <v>97</v>
      </c>
      <c r="B88" s="6" t="s">
        <v>53</v>
      </c>
      <c r="C88" s="6" t="s">
        <v>53</v>
      </c>
      <c r="D88" s="6" t="s">
        <v>53</v>
      </c>
      <c r="E88" s="6" t="s">
        <v>53</v>
      </c>
      <c r="F88" s="6" t="s">
        <v>53</v>
      </c>
      <c r="G88" s="6" t="s">
        <v>53</v>
      </c>
      <c r="H88" s="4">
        <v>576786</v>
      </c>
      <c r="I88" s="4">
        <v>96000</v>
      </c>
      <c r="J88" s="4">
        <v>480786</v>
      </c>
    </row>
    <row r="89" spans="1:10" ht="39.6" x14ac:dyDescent="0.3">
      <c r="A89" s="3" t="s">
        <v>98</v>
      </c>
      <c r="B89" s="6" t="s">
        <v>53</v>
      </c>
      <c r="C89" s="6" t="s">
        <v>53</v>
      </c>
      <c r="D89" s="6" t="s">
        <v>53</v>
      </c>
      <c r="E89" s="6" t="s">
        <v>53</v>
      </c>
      <c r="F89" s="6" t="s">
        <v>53</v>
      </c>
      <c r="G89" s="6" t="s">
        <v>53</v>
      </c>
      <c r="H89" s="4">
        <v>0</v>
      </c>
      <c r="I89" s="4">
        <v>0</v>
      </c>
      <c r="J89" s="4">
        <v>0</v>
      </c>
    </row>
    <row r="90" spans="1:10" ht="26.4" x14ac:dyDescent="0.3">
      <c r="A90" s="3" t="s">
        <v>99</v>
      </c>
      <c r="B90" s="6" t="s">
        <v>53</v>
      </c>
      <c r="C90" s="6" t="s">
        <v>53</v>
      </c>
      <c r="D90" s="6" t="s">
        <v>53</v>
      </c>
      <c r="E90" s="6" t="s">
        <v>53</v>
      </c>
      <c r="F90" s="6" t="s">
        <v>53</v>
      </c>
      <c r="G90" s="6" t="s">
        <v>53</v>
      </c>
      <c r="H90" s="4">
        <v>19318.560000000001</v>
      </c>
      <c r="I90" s="4">
        <v>10490.72</v>
      </c>
      <c r="J90" s="4">
        <v>8827.84</v>
      </c>
    </row>
    <row r="91" spans="1:10" x14ac:dyDescent="0.3">
      <c r="A91" s="3" t="s">
        <v>100</v>
      </c>
      <c r="B91" s="6" t="s">
        <v>53</v>
      </c>
      <c r="C91" s="6" t="s">
        <v>53</v>
      </c>
      <c r="D91" s="6" t="s">
        <v>53</v>
      </c>
      <c r="E91" s="6" t="s">
        <v>53</v>
      </c>
      <c r="F91" s="6" t="s">
        <v>53</v>
      </c>
      <c r="G91" s="6" t="s">
        <v>53</v>
      </c>
      <c r="H91" s="4">
        <v>36515.440000000002</v>
      </c>
      <c r="I91" s="4">
        <v>19829.28</v>
      </c>
      <c r="J91" s="4">
        <v>16686.16</v>
      </c>
    </row>
    <row r="92" spans="1:10" ht="26.4" x14ac:dyDescent="0.3">
      <c r="A92" s="3" t="s">
        <v>101</v>
      </c>
      <c r="B92" s="6" t="s">
        <v>53</v>
      </c>
      <c r="C92" s="6" t="s">
        <v>53</v>
      </c>
      <c r="D92" s="6" t="s">
        <v>53</v>
      </c>
      <c r="E92" s="6" t="s">
        <v>53</v>
      </c>
      <c r="F92" s="6" t="s">
        <v>53</v>
      </c>
      <c r="G92" s="6" t="s">
        <v>53</v>
      </c>
      <c r="H92" s="4">
        <v>632620</v>
      </c>
      <c r="I92" s="4">
        <v>126320</v>
      </c>
      <c r="J92" s="4">
        <v>506300</v>
      </c>
    </row>
    <row r="93" spans="1:10" x14ac:dyDescent="0.3">
      <c r="A93" s="3" t="s">
        <v>102</v>
      </c>
      <c r="B93" s="6" t="s">
        <v>53</v>
      </c>
      <c r="C93" s="6" t="s">
        <v>53</v>
      </c>
      <c r="D93" s="6" t="s">
        <v>53</v>
      </c>
      <c r="E93" s="6" t="s">
        <v>53</v>
      </c>
      <c r="F93" s="6" t="s">
        <v>53</v>
      </c>
      <c r="G93" s="6" t="s">
        <v>53</v>
      </c>
      <c r="H93" s="4">
        <v>3802521.34</v>
      </c>
      <c r="I93" s="4">
        <v>0</v>
      </c>
      <c r="J93" s="4">
        <v>3802521.34</v>
      </c>
    </row>
    <row r="94" spans="1:10" ht="26.4" x14ac:dyDescent="0.3">
      <c r="A94" s="3" t="s">
        <v>103</v>
      </c>
      <c r="B94" s="6" t="s">
        <v>53</v>
      </c>
      <c r="C94" s="6" t="s">
        <v>53</v>
      </c>
      <c r="D94" s="6" t="s">
        <v>53</v>
      </c>
      <c r="E94" s="6" t="s">
        <v>53</v>
      </c>
      <c r="F94" s="6" t="s">
        <v>53</v>
      </c>
      <c r="G94" s="6" t="s">
        <v>53</v>
      </c>
      <c r="H94" s="4">
        <v>1969471.2</v>
      </c>
      <c r="I94" s="4">
        <v>0</v>
      </c>
      <c r="J94" s="4">
        <v>1969471.2</v>
      </c>
    </row>
    <row r="95" spans="1:10" ht="26.4" x14ac:dyDescent="0.3">
      <c r="A95" s="3" t="s">
        <v>104</v>
      </c>
      <c r="B95" s="6" t="s">
        <v>53</v>
      </c>
      <c r="C95" s="6" t="s">
        <v>53</v>
      </c>
      <c r="D95" s="6" t="s">
        <v>53</v>
      </c>
      <c r="E95" s="6" t="s">
        <v>53</v>
      </c>
      <c r="F95" s="6" t="s">
        <v>53</v>
      </c>
      <c r="G95" s="6" t="s">
        <v>53</v>
      </c>
      <c r="H95" s="4">
        <v>1844424.6</v>
      </c>
      <c r="I95" s="4">
        <v>100</v>
      </c>
      <c r="J95" s="4">
        <v>1844324.6</v>
      </c>
    </row>
    <row r="96" spans="1:10" x14ac:dyDescent="0.3">
      <c r="A96" s="3" t="s">
        <v>105</v>
      </c>
      <c r="B96" s="6" t="s">
        <v>53</v>
      </c>
      <c r="C96" s="6" t="s">
        <v>53</v>
      </c>
      <c r="D96" s="6" t="s">
        <v>53</v>
      </c>
      <c r="E96" s="6" t="s">
        <v>53</v>
      </c>
      <c r="F96" s="6" t="s">
        <v>53</v>
      </c>
      <c r="G96" s="6" t="s">
        <v>53</v>
      </c>
      <c r="H96" s="4">
        <v>733375.8</v>
      </c>
      <c r="I96" s="4">
        <v>0</v>
      </c>
      <c r="J96" s="4">
        <v>733375.8</v>
      </c>
    </row>
    <row r="97" spans="1:10" x14ac:dyDescent="0.3">
      <c r="A97" s="3" t="s">
        <v>106</v>
      </c>
      <c r="B97" s="6" t="s">
        <v>53</v>
      </c>
      <c r="C97" s="6" t="s">
        <v>53</v>
      </c>
      <c r="D97" s="6" t="s">
        <v>53</v>
      </c>
      <c r="E97" s="6" t="s">
        <v>53</v>
      </c>
      <c r="F97" s="6" t="s">
        <v>53</v>
      </c>
      <c r="G97" s="6" t="s">
        <v>53</v>
      </c>
      <c r="H97" s="4">
        <v>1239533.53</v>
      </c>
      <c r="I97" s="4">
        <v>0</v>
      </c>
      <c r="J97" s="4">
        <v>1239533.53</v>
      </c>
    </row>
    <row r="98" spans="1:10" x14ac:dyDescent="0.3">
      <c r="A98" s="3" t="s">
        <v>107</v>
      </c>
      <c r="B98" s="6" t="s">
        <v>53</v>
      </c>
      <c r="C98" s="6" t="s">
        <v>53</v>
      </c>
      <c r="D98" s="6" t="s">
        <v>53</v>
      </c>
      <c r="E98" s="6" t="s">
        <v>53</v>
      </c>
      <c r="F98" s="6" t="s">
        <v>53</v>
      </c>
      <c r="G98" s="6" t="s">
        <v>53</v>
      </c>
      <c r="H98" s="4">
        <v>291976</v>
      </c>
      <c r="I98" s="4">
        <v>0</v>
      </c>
      <c r="J98" s="4">
        <v>291976</v>
      </c>
    </row>
    <row r="99" spans="1:10" ht="26.4" x14ac:dyDescent="0.3">
      <c r="A99" s="3" t="s">
        <v>108</v>
      </c>
      <c r="B99" s="6" t="s">
        <v>53</v>
      </c>
      <c r="C99" s="6" t="s">
        <v>53</v>
      </c>
      <c r="D99" s="6" t="s">
        <v>53</v>
      </c>
      <c r="E99" s="6" t="s">
        <v>53</v>
      </c>
      <c r="F99" s="6" t="s">
        <v>53</v>
      </c>
      <c r="G99" s="6" t="s">
        <v>53</v>
      </c>
      <c r="H99" s="4">
        <v>0</v>
      </c>
      <c r="I99" s="4">
        <v>0</v>
      </c>
      <c r="J99" s="4">
        <v>0</v>
      </c>
    </row>
    <row r="100" spans="1:10" x14ac:dyDescent="0.3">
      <c r="A100" s="3" t="s">
        <v>109</v>
      </c>
      <c r="B100" s="6" t="s">
        <v>53</v>
      </c>
      <c r="C100" s="6" t="s">
        <v>53</v>
      </c>
      <c r="D100" s="6" t="s">
        <v>53</v>
      </c>
      <c r="E100" s="6" t="s">
        <v>53</v>
      </c>
      <c r="F100" s="6" t="s">
        <v>53</v>
      </c>
      <c r="G100" s="6" t="s">
        <v>53</v>
      </c>
      <c r="H100" s="4">
        <v>778968.53</v>
      </c>
      <c r="I100" s="4">
        <v>0</v>
      </c>
      <c r="J100" s="4">
        <v>778968.53</v>
      </c>
    </row>
    <row r="101" spans="1:10" x14ac:dyDescent="0.3">
      <c r="A101" s="3" t="s">
        <v>110</v>
      </c>
      <c r="B101" s="4">
        <v>17872.72</v>
      </c>
      <c r="C101" s="4">
        <v>330645.32</v>
      </c>
      <c r="D101" s="4">
        <v>89363.6</v>
      </c>
      <c r="E101" s="4">
        <v>8936.36</v>
      </c>
      <c r="F101" s="4">
        <v>0</v>
      </c>
      <c r="G101" s="5"/>
      <c r="H101" s="4">
        <v>446818</v>
      </c>
      <c r="I101" s="4">
        <v>36460</v>
      </c>
      <c r="J101" s="4">
        <v>410358</v>
      </c>
    </row>
    <row r="102" spans="1:10" x14ac:dyDescent="0.3">
      <c r="A102" s="3" t="s">
        <v>111</v>
      </c>
      <c r="B102" s="6" t="s">
        <v>53</v>
      </c>
      <c r="C102" s="6" t="s">
        <v>53</v>
      </c>
      <c r="D102" s="6" t="s">
        <v>53</v>
      </c>
      <c r="E102" s="6" t="s">
        <v>53</v>
      </c>
      <c r="F102" s="6" t="s">
        <v>53</v>
      </c>
      <c r="G102" s="6" t="s">
        <v>53</v>
      </c>
      <c r="H102" s="4">
        <v>1719220</v>
      </c>
      <c r="I102" s="4">
        <v>123890</v>
      </c>
      <c r="J102" s="4">
        <v>1595330</v>
      </c>
    </row>
    <row r="103" spans="1:10" x14ac:dyDescent="0.3">
      <c r="A103" s="3" t="s">
        <v>112</v>
      </c>
      <c r="B103" s="6" t="s">
        <v>53</v>
      </c>
      <c r="C103" s="6" t="s">
        <v>53</v>
      </c>
      <c r="D103" s="6" t="s">
        <v>53</v>
      </c>
      <c r="E103" s="6" t="s">
        <v>53</v>
      </c>
      <c r="F103" s="6" t="s">
        <v>53</v>
      </c>
      <c r="G103" s="6" t="s">
        <v>53</v>
      </c>
      <c r="H103" s="4">
        <v>1819709.4</v>
      </c>
      <c r="I103" s="4">
        <v>1725496.8</v>
      </c>
      <c r="J103" s="4">
        <v>94212.6</v>
      </c>
    </row>
    <row r="104" spans="1:10" x14ac:dyDescent="0.3">
      <c r="A104" s="3" t="s">
        <v>113</v>
      </c>
      <c r="B104" s="4">
        <v>17872.72</v>
      </c>
      <c r="C104" s="4">
        <v>330645.32</v>
      </c>
      <c r="D104" s="4">
        <v>89363.6</v>
      </c>
      <c r="E104" s="4">
        <v>8936.36</v>
      </c>
      <c r="F104" s="4">
        <v>0</v>
      </c>
      <c r="G104" s="5"/>
      <c r="H104" s="4">
        <v>14646018.4</v>
      </c>
      <c r="I104" s="4">
        <v>1885946.8</v>
      </c>
      <c r="J104" s="4">
        <v>12760071.6</v>
      </c>
    </row>
    <row r="105" spans="1:10" x14ac:dyDescent="0.3">
      <c r="A105" s="3" t="s">
        <v>114</v>
      </c>
      <c r="B105" s="6" t="s">
        <v>53</v>
      </c>
      <c r="C105" s="6" t="s">
        <v>53</v>
      </c>
      <c r="D105" s="6" t="s">
        <v>53</v>
      </c>
      <c r="E105" s="6" t="s">
        <v>53</v>
      </c>
      <c r="F105" s="6" t="s">
        <v>53</v>
      </c>
      <c r="G105" s="6" t="s">
        <v>53</v>
      </c>
      <c r="H105" s="4">
        <v>0</v>
      </c>
      <c r="I105" s="4">
        <v>0</v>
      </c>
      <c r="J105" s="4">
        <v>0</v>
      </c>
    </row>
    <row r="106" spans="1:10" ht="26.4" x14ac:dyDescent="0.3">
      <c r="A106" s="3" t="s">
        <v>115</v>
      </c>
      <c r="B106" s="6" t="s">
        <v>53</v>
      </c>
      <c r="C106" s="6" t="s">
        <v>53</v>
      </c>
      <c r="D106" s="6" t="s">
        <v>53</v>
      </c>
      <c r="E106" s="6" t="s">
        <v>53</v>
      </c>
      <c r="F106" s="6" t="s">
        <v>53</v>
      </c>
      <c r="G106" s="6" t="s">
        <v>53</v>
      </c>
      <c r="H106" s="4">
        <v>7125708.2599999998</v>
      </c>
      <c r="I106" s="4">
        <v>184518.2</v>
      </c>
      <c r="J106" s="4">
        <v>6941190.0599999996</v>
      </c>
    </row>
    <row r="107" spans="1:10" ht="26.4" x14ac:dyDescent="0.3">
      <c r="A107" s="3" t="s">
        <v>116</v>
      </c>
      <c r="B107" s="6" t="s">
        <v>53</v>
      </c>
      <c r="C107" s="6" t="s">
        <v>53</v>
      </c>
      <c r="D107" s="6" t="s">
        <v>53</v>
      </c>
      <c r="E107" s="6" t="s">
        <v>53</v>
      </c>
      <c r="F107" s="6" t="s">
        <v>53</v>
      </c>
      <c r="G107" s="6" t="s">
        <v>53</v>
      </c>
      <c r="H107" s="4">
        <v>2660051.7000000002</v>
      </c>
      <c r="I107" s="4">
        <v>21685</v>
      </c>
      <c r="J107" s="4">
        <v>2638366.7000000002</v>
      </c>
    </row>
    <row r="108" spans="1:10" x14ac:dyDescent="0.3">
      <c r="A108" s="3" t="s">
        <v>117</v>
      </c>
      <c r="B108" s="6" t="s">
        <v>53</v>
      </c>
      <c r="C108" s="6" t="s">
        <v>53</v>
      </c>
      <c r="D108" s="6" t="s">
        <v>53</v>
      </c>
      <c r="E108" s="6" t="s">
        <v>53</v>
      </c>
      <c r="F108" s="6" t="s">
        <v>53</v>
      </c>
      <c r="G108" s="6" t="s">
        <v>53</v>
      </c>
      <c r="H108" s="4">
        <v>141358.20000000001</v>
      </c>
      <c r="I108" s="4">
        <v>0</v>
      </c>
      <c r="J108" s="4">
        <v>141358.20000000001</v>
      </c>
    </row>
    <row r="109" spans="1:10" ht="26.4" x14ac:dyDescent="0.3">
      <c r="A109" s="3" t="s">
        <v>118</v>
      </c>
      <c r="B109" s="6" t="s">
        <v>53</v>
      </c>
      <c r="C109" s="6" t="s">
        <v>53</v>
      </c>
      <c r="D109" s="6" t="s">
        <v>53</v>
      </c>
      <c r="E109" s="6" t="s">
        <v>53</v>
      </c>
      <c r="F109" s="6" t="s">
        <v>53</v>
      </c>
      <c r="G109" s="6" t="s">
        <v>53</v>
      </c>
      <c r="H109" s="4">
        <v>9927118.1600000001</v>
      </c>
      <c r="I109" s="4">
        <v>206203.2</v>
      </c>
      <c r="J109" s="4">
        <v>9720914.9600000009</v>
      </c>
    </row>
    <row r="110" spans="1:10" x14ac:dyDescent="0.3">
      <c r="A110" s="3" t="s">
        <v>119</v>
      </c>
      <c r="B110" s="6" t="s">
        <v>53</v>
      </c>
      <c r="C110" s="6" t="s">
        <v>53</v>
      </c>
      <c r="D110" s="6" t="s">
        <v>53</v>
      </c>
      <c r="E110" s="6" t="s">
        <v>53</v>
      </c>
      <c r="F110" s="6" t="s">
        <v>53</v>
      </c>
      <c r="G110" s="6" t="s">
        <v>53</v>
      </c>
      <c r="H110" s="4">
        <v>655694</v>
      </c>
      <c r="I110" s="4">
        <v>0</v>
      </c>
      <c r="J110" s="4">
        <v>655694</v>
      </c>
    </row>
    <row r="111" spans="1:10" x14ac:dyDescent="0.3">
      <c r="A111" s="3" t="s">
        <v>120</v>
      </c>
      <c r="B111" s="6" t="s">
        <v>53</v>
      </c>
      <c r="C111" s="6" t="s">
        <v>53</v>
      </c>
      <c r="D111" s="6" t="s">
        <v>53</v>
      </c>
      <c r="E111" s="6" t="s">
        <v>53</v>
      </c>
      <c r="F111" s="6" t="s">
        <v>53</v>
      </c>
      <c r="G111" s="6" t="s">
        <v>53</v>
      </c>
      <c r="H111" s="4">
        <v>79879</v>
      </c>
      <c r="I111" s="4">
        <v>0</v>
      </c>
      <c r="J111" s="4">
        <v>79879</v>
      </c>
    </row>
    <row r="112" spans="1:10" x14ac:dyDescent="0.3">
      <c r="A112" s="3" t="s">
        <v>121</v>
      </c>
      <c r="B112" s="6" t="s">
        <v>53</v>
      </c>
      <c r="C112" s="6" t="s">
        <v>53</v>
      </c>
      <c r="D112" s="6" t="s">
        <v>53</v>
      </c>
      <c r="E112" s="6" t="s">
        <v>53</v>
      </c>
      <c r="F112" s="6" t="s">
        <v>53</v>
      </c>
      <c r="G112" s="6" t="s">
        <v>53</v>
      </c>
      <c r="H112" s="4">
        <v>2937084</v>
      </c>
      <c r="I112" s="4">
        <v>50000</v>
      </c>
      <c r="J112" s="4">
        <v>2887084</v>
      </c>
    </row>
    <row r="113" spans="1:10" x14ac:dyDescent="0.3">
      <c r="A113" s="3" t="s">
        <v>122</v>
      </c>
      <c r="B113" s="6" t="s">
        <v>53</v>
      </c>
      <c r="C113" s="6" t="s">
        <v>53</v>
      </c>
      <c r="D113" s="6" t="s">
        <v>53</v>
      </c>
      <c r="E113" s="6" t="s">
        <v>53</v>
      </c>
      <c r="F113" s="6" t="s">
        <v>53</v>
      </c>
      <c r="G113" s="6" t="s">
        <v>53</v>
      </c>
      <c r="H113" s="4">
        <v>1887100.58</v>
      </c>
      <c r="I113" s="4">
        <v>995500</v>
      </c>
      <c r="J113" s="4">
        <v>891600.58</v>
      </c>
    </row>
    <row r="114" spans="1:10" x14ac:dyDescent="0.3">
      <c r="A114" s="3" t="s">
        <v>123</v>
      </c>
      <c r="B114" s="6" t="s">
        <v>53</v>
      </c>
      <c r="C114" s="6" t="s">
        <v>53</v>
      </c>
      <c r="D114" s="6" t="s">
        <v>53</v>
      </c>
      <c r="E114" s="6" t="s">
        <v>53</v>
      </c>
      <c r="F114" s="6" t="s">
        <v>53</v>
      </c>
      <c r="G114" s="6" t="s">
        <v>53</v>
      </c>
      <c r="H114" s="4">
        <v>0</v>
      </c>
      <c r="I114" s="4">
        <v>0</v>
      </c>
      <c r="J114" s="4">
        <v>0</v>
      </c>
    </row>
    <row r="115" spans="1:10" x14ac:dyDescent="0.3">
      <c r="A115" s="3" t="s">
        <v>124</v>
      </c>
      <c r="B115" s="6" t="s">
        <v>53</v>
      </c>
      <c r="C115" s="6" t="s">
        <v>53</v>
      </c>
      <c r="D115" s="6" t="s">
        <v>53</v>
      </c>
      <c r="E115" s="6" t="s">
        <v>53</v>
      </c>
      <c r="F115" s="6" t="s">
        <v>53</v>
      </c>
      <c r="G115" s="6" t="s">
        <v>53</v>
      </c>
      <c r="H115" s="4">
        <v>5559757.5800000001</v>
      </c>
      <c r="I115" s="4">
        <v>1045500</v>
      </c>
      <c r="J115" s="4">
        <v>4514257.58</v>
      </c>
    </row>
    <row r="116" spans="1:10" x14ac:dyDescent="0.3">
      <c r="A116" s="3" t="s">
        <v>125</v>
      </c>
      <c r="B116" s="6" t="s">
        <v>53</v>
      </c>
      <c r="C116" s="6" t="s">
        <v>53</v>
      </c>
      <c r="D116" s="6" t="s">
        <v>53</v>
      </c>
      <c r="E116" s="6" t="s">
        <v>53</v>
      </c>
      <c r="F116" s="6" t="s">
        <v>53</v>
      </c>
      <c r="G116" s="6" t="s">
        <v>53</v>
      </c>
      <c r="H116" s="4">
        <v>0</v>
      </c>
      <c r="I116" s="4">
        <v>0</v>
      </c>
      <c r="J116" s="4">
        <v>0</v>
      </c>
    </row>
    <row r="117" spans="1:10" x14ac:dyDescent="0.3">
      <c r="A117" s="3" t="s">
        <v>126</v>
      </c>
      <c r="B117" s="6" t="s">
        <v>53</v>
      </c>
      <c r="C117" s="6" t="s">
        <v>53</v>
      </c>
      <c r="D117" s="6" t="s">
        <v>53</v>
      </c>
      <c r="E117" s="6" t="s">
        <v>53</v>
      </c>
      <c r="F117" s="6" t="s">
        <v>53</v>
      </c>
      <c r="G117" s="6" t="s">
        <v>53</v>
      </c>
      <c r="H117" s="4">
        <v>137997.72</v>
      </c>
      <c r="I117" s="4">
        <v>0</v>
      </c>
      <c r="J117" s="4">
        <v>137997.72</v>
      </c>
    </row>
    <row r="118" spans="1:10" x14ac:dyDescent="0.3">
      <c r="A118" s="3" t="s">
        <v>127</v>
      </c>
      <c r="B118" s="6" t="s">
        <v>53</v>
      </c>
      <c r="C118" s="6" t="s">
        <v>53</v>
      </c>
      <c r="D118" s="6" t="s">
        <v>53</v>
      </c>
      <c r="E118" s="6" t="s">
        <v>53</v>
      </c>
      <c r="F118" s="6" t="s">
        <v>53</v>
      </c>
      <c r="G118" s="6" t="s">
        <v>53</v>
      </c>
      <c r="H118" s="4">
        <v>137997.72</v>
      </c>
      <c r="I118" s="4">
        <v>0</v>
      </c>
      <c r="J118" s="4">
        <v>137997.72</v>
      </c>
    </row>
    <row r="119" spans="1:10" x14ac:dyDescent="0.3">
      <c r="A119" s="3" t="s">
        <v>128</v>
      </c>
      <c r="B119" s="6" t="s">
        <v>53</v>
      </c>
      <c r="C119" s="6" t="s">
        <v>53</v>
      </c>
      <c r="D119" s="6" t="s">
        <v>53</v>
      </c>
      <c r="E119" s="6" t="s">
        <v>53</v>
      </c>
      <c r="F119" s="6" t="s">
        <v>53</v>
      </c>
      <c r="G119" s="6" t="s">
        <v>53</v>
      </c>
      <c r="H119" s="4">
        <v>850999</v>
      </c>
      <c r="I119" s="4">
        <v>334980</v>
      </c>
      <c r="J119" s="4">
        <v>516019</v>
      </c>
    </row>
    <row r="120" spans="1:10" ht="39.6" x14ac:dyDescent="0.3">
      <c r="A120" s="3" t="s">
        <v>129</v>
      </c>
      <c r="B120" s="6" t="s">
        <v>53</v>
      </c>
      <c r="C120" s="6" t="s">
        <v>53</v>
      </c>
      <c r="D120" s="6" t="s">
        <v>53</v>
      </c>
      <c r="E120" s="6" t="s">
        <v>53</v>
      </c>
      <c r="F120" s="6" t="s">
        <v>53</v>
      </c>
      <c r="G120" s="6" t="s">
        <v>53</v>
      </c>
      <c r="H120" s="4">
        <v>0</v>
      </c>
      <c r="I120" s="4">
        <v>0</v>
      </c>
      <c r="J120" s="4">
        <v>0</v>
      </c>
    </row>
    <row r="121" spans="1:10" ht="39.6" x14ac:dyDescent="0.3">
      <c r="A121" s="3" t="s">
        <v>130</v>
      </c>
      <c r="B121" s="6" t="s">
        <v>53</v>
      </c>
      <c r="C121" s="6" t="s">
        <v>53</v>
      </c>
      <c r="D121" s="6" t="s">
        <v>53</v>
      </c>
      <c r="E121" s="6" t="s">
        <v>53</v>
      </c>
      <c r="F121" s="6" t="s">
        <v>53</v>
      </c>
      <c r="G121" s="6" t="s">
        <v>53</v>
      </c>
      <c r="H121" s="4">
        <v>183673508.53999999</v>
      </c>
      <c r="I121" s="4">
        <v>2077824</v>
      </c>
      <c r="J121" s="4">
        <v>181595684.53999999</v>
      </c>
    </row>
    <row r="122" spans="1:10" ht="52.8" x14ac:dyDescent="0.3">
      <c r="A122" s="3" t="s">
        <v>131</v>
      </c>
      <c r="B122" s="6" t="s">
        <v>53</v>
      </c>
      <c r="C122" s="6" t="s">
        <v>53</v>
      </c>
      <c r="D122" s="6" t="s">
        <v>53</v>
      </c>
      <c r="E122" s="6" t="s">
        <v>53</v>
      </c>
      <c r="F122" s="6" t="s">
        <v>53</v>
      </c>
      <c r="G122" s="6" t="s">
        <v>53</v>
      </c>
      <c r="H122" s="4">
        <v>31754510.859999999</v>
      </c>
      <c r="I122" s="4">
        <v>3598950</v>
      </c>
      <c r="J122" s="4">
        <v>28155560.859999999</v>
      </c>
    </row>
    <row r="123" spans="1:10" ht="52.8" x14ac:dyDescent="0.3">
      <c r="A123" s="3" t="s">
        <v>132</v>
      </c>
      <c r="B123" s="6" t="s">
        <v>53</v>
      </c>
      <c r="C123" s="6" t="s">
        <v>53</v>
      </c>
      <c r="D123" s="6" t="s">
        <v>53</v>
      </c>
      <c r="E123" s="6" t="s">
        <v>53</v>
      </c>
      <c r="F123" s="6" t="s">
        <v>53</v>
      </c>
      <c r="G123" s="6" t="s">
        <v>53</v>
      </c>
      <c r="H123" s="4">
        <v>215428019.40000001</v>
      </c>
      <c r="I123" s="4">
        <v>5676774</v>
      </c>
      <c r="J123" s="4">
        <v>209751245.40000001</v>
      </c>
    </row>
    <row r="124" spans="1:10" x14ac:dyDescent="0.3">
      <c r="A124" s="3" t="s">
        <v>133</v>
      </c>
      <c r="B124" s="4">
        <v>54330</v>
      </c>
      <c r="C124" s="4">
        <v>6875135</v>
      </c>
      <c r="D124" s="4">
        <v>2558010</v>
      </c>
      <c r="E124" s="4">
        <v>1855220</v>
      </c>
      <c r="F124" s="4">
        <v>623310</v>
      </c>
      <c r="G124" s="5"/>
      <c r="H124" s="4">
        <v>11966005</v>
      </c>
      <c r="I124" s="4">
        <v>0</v>
      </c>
      <c r="J124" s="4">
        <v>11966005</v>
      </c>
    </row>
    <row r="125" spans="1:10" ht="39.6" x14ac:dyDescent="0.3">
      <c r="A125" s="3" t="s">
        <v>134</v>
      </c>
      <c r="B125" s="6" t="s">
        <v>53</v>
      </c>
      <c r="C125" s="6" t="s">
        <v>53</v>
      </c>
      <c r="D125" s="6" t="s">
        <v>53</v>
      </c>
      <c r="E125" s="6" t="s">
        <v>53</v>
      </c>
      <c r="F125" s="6" t="s">
        <v>53</v>
      </c>
      <c r="G125" s="6" t="s">
        <v>53</v>
      </c>
      <c r="H125" s="4">
        <v>0</v>
      </c>
      <c r="I125" s="4">
        <v>0</v>
      </c>
      <c r="J125" s="4">
        <v>0</v>
      </c>
    </row>
    <row r="126" spans="1:10" ht="26.4" x14ac:dyDescent="0.3">
      <c r="A126" s="3" t="s">
        <v>135</v>
      </c>
      <c r="B126" s="6" t="s">
        <v>53</v>
      </c>
      <c r="C126" s="6" t="s">
        <v>53</v>
      </c>
      <c r="D126" s="6" t="s">
        <v>53</v>
      </c>
      <c r="E126" s="6" t="s">
        <v>53</v>
      </c>
      <c r="F126" s="6" t="s">
        <v>53</v>
      </c>
      <c r="G126" s="6" t="s">
        <v>53</v>
      </c>
      <c r="H126" s="4">
        <v>0</v>
      </c>
      <c r="I126" s="4">
        <v>0</v>
      </c>
      <c r="J126" s="4">
        <v>0</v>
      </c>
    </row>
    <row r="127" spans="1:10" x14ac:dyDescent="0.3">
      <c r="A127" s="3" t="s">
        <v>53</v>
      </c>
      <c r="B127" s="5" t="s">
        <v>53</v>
      </c>
      <c r="C127" s="5" t="s">
        <v>53</v>
      </c>
      <c r="D127" s="5" t="s">
        <v>53</v>
      </c>
      <c r="E127" s="5" t="s">
        <v>53</v>
      </c>
      <c r="F127" s="5" t="s">
        <v>53</v>
      </c>
      <c r="G127" s="5" t="s">
        <v>53</v>
      </c>
      <c r="H127" s="5" t="s">
        <v>53</v>
      </c>
      <c r="I127" s="5" t="s">
        <v>53</v>
      </c>
      <c r="J127" s="5" t="s">
        <v>53</v>
      </c>
    </row>
    <row r="128" spans="1:10" ht="26.4" x14ac:dyDescent="0.3">
      <c r="A128" s="7" t="s">
        <v>136</v>
      </c>
      <c r="B128" s="5" t="s">
        <v>53</v>
      </c>
      <c r="C128" s="5" t="s">
        <v>53</v>
      </c>
      <c r="D128" s="5" t="s">
        <v>53</v>
      </c>
      <c r="E128" s="5" t="s">
        <v>53</v>
      </c>
      <c r="F128" s="5" t="s">
        <v>53</v>
      </c>
      <c r="G128" s="5" t="s">
        <v>53</v>
      </c>
      <c r="H128" s="2" t="s">
        <v>137</v>
      </c>
      <c r="I128" s="2" t="s">
        <v>138</v>
      </c>
      <c r="J128" s="2" t="s">
        <v>13</v>
      </c>
    </row>
    <row r="129" spans="1:10" x14ac:dyDescent="0.3">
      <c r="A129" s="3" t="s">
        <v>139</v>
      </c>
      <c r="B129" s="5" t="s">
        <v>53</v>
      </c>
      <c r="C129" s="5" t="s">
        <v>53</v>
      </c>
      <c r="D129" s="5" t="s">
        <v>53</v>
      </c>
      <c r="E129" s="5" t="s">
        <v>53</v>
      </c>
      <c r="F129" s="5" t="s">
        <v>53</v>
      </c>
      <c r="G129" s="5" t="s">
        <v>53</v>
      </c>
      <c r="H129" s="4">
        <v>127439442</v>
      </c>
      <c r="I129" s="4">
        <v>127441455.02</v>
      </c>
      <c r="J129" s="4">
        <v>-2013.02</v>
      </c>
    </row>
    <row r="130" spans="1:10" x14ac:dyDescent="0.3">
      <c r="A130" s="3" t="s">
        <v>140</v>
      </c>
      <c r="B130" s="5" t="s">
        <v>53</v>
      </c>
      <c r="C130" s="5" t="s">
        <v>53</v>
      </c>
      <c r="D130" s="5" t="s">
        <v>53</v>
      </c>
      <c r="E130" s="5" t="s">
        <v>53</v>
      </c>
      <c r="F130" s="5" t="s">
        <v>53</v>
      </c>
      <c r="G130" s="5" t="s">
        <v>53</v>
      </c>
      <c r="H130" s="4">
        <v>973313</v>
      </c>
      <c r="I130" s="4">
        <v>972316</v>
      </c>
      <c r="J130" s="4">
        <v>997</v>
      </c>
    </row>
    <row r="131" spans="1:10" x14ac:dyDescent="0.3">
      <c r="A131" s="3" t="s">
        <v>141</v>
      </c>
      <c r="B131" s="5" t="s">
        <v>53</v>
      </c>
      <c r="C131" s="5" t="s">
        <v>53</v>
      </c>
      <c r="D131" s="5" t="s">
        <v>53</v>
      </c>
      <c r="E131" s="5" t="s">
        <v>53</v>
      </c>
      <c r="F131" s="5" t="s">
        <v>53</v>
      </c>
      <c r="G131" s="5" t="s">
        <v>53</v>
      </c>
      <c r="H131" s="4">
        <v>27721697</v>
      </c>
      <c r="I131" s="4">
        <v>30786263</v>
      </c>
      <c r="J131" s="4">
        <v>-3064566</v>
      </c>
    </row>
    <row r="132" spans="1:10" x14ac:dyDescent="0.3">
      <c r="A132" s="3" t="s">
        <v>5</v>
      </c>
      <c r="B132" s="5" t="s">
        <v>53</v>
      </c>
      <c r="C132" s="5" t="s">
        <v>53</v>
      </c>
      <c r="D132" s="5" t="s">
        <v>53</v>
      </c>
      <c r="E132" s="5" t="s">
        <v>53</v>
      </c>
      <c r="F132" s="5" t="s">
        <v>53</v>
      </c>
      <c r="G132" s="5" t="s">
        <v>53</v>
      </c>
      <c r="H132" s="4">
        <v>10848115</v>
      </c>
      <c r="I132" s="4">
        <v>10725420.539999999</v>
      </c>
      <c r="J132" s="4">
        <v>122694.46</v>
      </c>
    </row>
    <row r="133" spans="1:10" x14ac:dyDescent="0.3">
      <c r="A133" s="3" t="s">
        <v>142</v>
      </c>
      <c r="B133" s="5" t="s">
        <v>53</v>
      </c>
      <c r="C133" s="5" t="s">
        <v>53</v>
      </c>
      <c r="D133" s="5" t="s">
        <v>53</v>
      </c>
      <c r="E133" s="5" t="s">
        <v>53</v>
      </c>
      <c r="F133" s="5" t="s">
        <v>53</v>
      </c>
      <c r="G133" s="5" t="s">
        <v>53</v>
      </c>
      <c r="H133" s="4">
        <v>166982567</v>
      </c>
      <c r="I133" s="4">
        <v>169925454.56</v>
      </c>
      <c r="J133" s="4">
        <v>-2942887.56</v>
      </c>
    </row>
    <row r="134" spans="1:10" ht="0" hidden="1" customHeight="1" x14ac:dyDescent="0.3"/>
  </sheetData>
  <mergeCells count="4">
    <mergeCell ref="A1:J1"/>
    <mergeCell ref="A2:J2"/>
    <mergeCell ref="A3:J3"/>
    <mergeCell ref="A4:J4"/>
  </mergeCells>
  <pageMargins left="0.196850393700787" right="0.196850393700787" top="0.196850393700787" bottom="0.196850393700787" header="0.196850393700787" footer="0.196850393700787"/>
  <pageSetup paperSize="9" orientation="portrait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Pages>0</Pages>
  <Words>0</Words>
  <Characters>0</Characters>
  <Application>Microsoft Excel</Application>
  <DocSecurity>0</DocSecurity>
  <Lines>0</Lines>
  <Paragraphs>0</Paragraphs>
  <Slides>0</Slides>
  <Notes>0</Notes>
  <HiddenSlides>0</HiddenSlides>
  <MMClips>0</MMClips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869 - LA Table</vt:lpstr>
    </vt:vector>
  </TitlesOfParts>
  <LinksUpToDate>false</LinksUpToDate>
  <CharactersWithSpaces>0</CharactersWithSpaces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sa Potts</dc:creator>
  <cp:lastModifiedBy>Lisa Potts</cp:lastModifiedBy>
  <dcterms:created xsi:type="dcterms:W3CDTF">2025-01-10T13:57:12Z</dcterms:created>
  <dcterms:modified xsi:type="dcterms:W3CDTF">2025-01-10T13:57:42Z</dcterms:modified>
</cp:coreProperties>
</file>

<file path=docProps/core0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/>
</file>